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湖北中央部" sheetId="1" r:id="rId1"/>
    <sheet name="湖央部（芦ノ湖）" sheetId="2" r:id="rId2"/>
    <sheet name="湖西部（芦ノ湖）" sheetId="3" r:id="rId3"/>
    <sheet name="湖東部(芦ノ湖)" sheetId="4" r:id="rId4"/>
  </sheets>
  <calcPr calcId="0"/>
</workbook>
</file>

<file path=xl/sharedStrings.xml><?xml version="1.0" encoding="utf-8"?>
<sst xmlns="http://schemas.openxmlformats.org/spreadsheetml/2006/main" count="1400" uniqueCount="236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5/11</t>
  </si>
  <si>
    <t>晴れ</t>
  </si>
  <si>
    <t>16.8</t>
  </si>
  <si>
    <t>14.2</t>
  </si>
  <si>
    <t>0.5</t>
  </si>
  <si>
    <t>22.0</t>
  </si>
  <si>
    <t>5.8</t>
  </si>
  <si>
    <t>通常の状況</t>
  </si>
  <si>
    <t>緑青色・淡（明）</t>
  </si>
  <si>
    <t>無臭</t>
  </si>
  <si>
    <t>7.7</t>
  </si>
  <si>
    <t>0.6</t>
  </si>
  <si>
    <t>1.6</t>
  </si>
  <si>
    <t>&lt;1</t>
  </si>
  <si>
    <t>6.6</t>
  </si>
  <si>
    <t>21.0</t>
  </si>
  <si>
    <t>7.3</t>
  </si>
  <si>
    <t>1.4</t>
  </si>
  <si>
    <t>2018/07/12</t>
  </si>
  <si>
    <t>雨</t>
  </si>
  <si>
    <t>降雨なし</t>
  </si>
  <si>
    <t>23.0</t>
  </si>
  <si>
    <t>23.2</t>
  </si>
  <si>
    <t>6.5</t>
  </si>
  <si>
    <t>7.8</t>
  </si>
  <si>
    <t>0.4</t>
  </si>
  <si>
    <t>1.5</t>
  </si>
  <si>
    <t>6.8</t>
  </si>
  <si>
    <t>7.0</t>
  </si>
  <si>
    <t>0.7</t>
  </si>
  <si>
    <t>1</t>
  </si>
  <si>
    <t>11.2</t>
  </si>
  <si>
    <t>2018/11/07</t>
  </si>
  <si>
    <t>曇り</t>
  </si>
  <si>
    <t>10mm以上20mm未満</t>
  </si>
  <si>
    <t>15.1</t>
  </si>
  <si>
    <t>15.7</t>
  </si>
  <si>
    <t>21.5</t>
  </si>
  <si>
    <t>6.0</t>
  </si>
  <si>
    <t>7.5</t>
  </si>
  <si>
    <t>2.1</t>
  </si>
  <si>
    <t>8.5</t>
  </si>
  <si>
    <t>20.5</t>
  </si>
  <si>
    <t>6.9</t>
  </si>
  <si>
    <t>10.5</t>
  </si>
  <si>
    <t>2019/03/06</t>
  </si>
  <si>
    <t>8.8</t>
  </si>
  <si>
    <t>7.2</t>
  </si>
  <si>
    <t>25.5</t>
  </si>
  <si>
    <t>7.1</t>
  </si>
  <si>
    <t>1.9</t>
  </si>
  <si>
    <t>24.5</t>
  </si>
  <si>
    <t>1.8</t>
  </si>
  <si>
    <t>12.5</t>
  </si>
  <si>
    <t>16.5</t>
  </si>
  <si>
    <t>14.0</t>
  </si>
  <si>
    <t>35.5</t>
  </si>
  <si>
    <t>6.2</t>
  </si>
  <si>
    <t>34.5</t>
  </si>
  <si>
    <t>1.2</t>
  </si>
  <si>
    <t>23.8</t>
  </si>
  <si>
    <t>22.9</t>
  </si>
  <si>
    <t>36.0</t>
  </si>
  <si>
    <t>7.9</t>
  </si>
  <si>
    <t>5.9</t>
  </si>
  <si>
    <t>35.0</t>
  </si>
  <si>
    <t>1.1</t>
  </si>
  <si>
    <t>17.7</t>
  </si>
  <si>
    <t>7.6</t>
  </si>
  <si>
    <t>6.4</t>
  </si>
  <si>
    <t>17.5</t>
  </si>
  <si>
    <t>9.5</t>
  </si>
  <si>
    <t>35.3</t>
  </si>
  <si>
    <t>5.5</t>
  </si>
  <si>
    <t>0.8</t>
  </si>
  <si>
    <t>34.3</t>
  </si>
  <si>
    <t>17.4</t>
  </si>
  <si>
    <t>16.0</t>
  </si>
  <si>
    <t>13.6</t>
  </si>
  <si>
    <t>40.5</t>
  </si>
  <si>
    <t>1.3</t>
  </si>
  <si>
    <t>39.5</t>
  </si>
  <si>
    <t>0.2</t>
  </si>
  <si>
    <t>29.1</t>
  </si>
  <si>
    <t>38.5</t>
  </si>
  <si>
    <t>19.5</t>
  </si>
  <si>
    <t>13.1</t>
  </si>
  <si>
    <t>6.1</t>
  </si>
  <si>
    <t>9.0</t>
  </si>
  <si>
    <t>39.0</t>
  </si>
  <si>
    <t>38.0</t>
  </si>
  <si>
    <t>1.7</t>
  </si>
  <si>
    <t>19.2</t>
  </si>
  <si>
    <t>15.4</t>
  </si>
  <si>
    <t>13.5</t>
  </si>
  <si>
    <t>25.1</t>
  </si>
  <si>
    <t>24.1</t>
  </si>
  <si>
    <t>1.0</t>
  </si>
  <si>
    <t>28.0</t>
  </si>
  <si>
    <t>22.8</t>
  </si>
  <si>
    <t>12.4</t>
  </si>
  <si>
    <t>15.8</t>
  </si>
  <si>
    <t>23.5</t>
  </si>
  <si>
    <t>22.5</t>
  </si>
  <si>
    <t>11.5</t>
  </si>
  <si>
    <t>24.2</t>
  </si>
  <si>
    <t>11.8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芦ノ湖</t>
  </si>
  <si>
    <t>湖北中央部(14-501-01)</t>
  </si>
  <si>
    <t>湖沼AA</t>
  </si>
  <si>
    <t>神奈川県</t>
  </si>
  <si>
    <t>ＤＯ</t>
  </si>
  <si>
    <t>単位</t>
  </si>
  <si>
    <t>時：分</t>
  </si>
  <si>
    <t>℃</t>
  </si>
  <si>
    <t>m/s</t>
  </si>
  <si>
    <t>ｍ</t>
  </si>
  <si>
    <t>㎝</t>
  </si>
  <si>
    <t>上層（表層）</t>
  </si>
  <si>
    <t>0mm以上5mm未満</t>
  </si>
  <si>
    <t>下層</t>
  </si>
  <si>
    <t>湖央部（芦ノ湖）(14-501-02)</t>
  </si>
  <si>
    <t>湖西部（芦ノ湖）(14-501-03)</t>
  </si>
  <si>
    <t>湖東部(芦ノ湖)(14-501-04)</t>
  </si>
  <si>
    <t>ｎ-ヘキサン抽出物質</t>
  </si>
  <si>
    <t>鉛</t>
  </si>
  <si>
    <t>MPN/100mL</t>
  </si>
  <si>
    <t>&lt;0.0003</t>
  </si>
  <si>
    <t>&lt;0.01</t>
  </si>
  <si>
    <t>&lt;0.0005</t>
  </si>
  <si>
    <t>&lt;0.02</t>
  </si>
  <si>
    <t>&lt;0.0001</t>
  </si>
  <si>
    <t>&lt;2.0E00</t>
  </si>
  <si>
    <t>&lt;0.003</t>
  </si>
  <si>
    <t>&lt;0.5</t>
  </si>
  <si>
    <t>1，3-ジクロロプロペン</t>
  </si>
  <si>
    <t>銅</t>
  </si>
  <si>
    <t>溶解性鉄</t>
  </si>
  <si>
    <t>&lt;0.05</t>
  </si>
  <si>
    <t>&lt;0.10</t>
  </si>
  <si>
    <t>&lt;0.0002</t>
  </si>
  <si>
    <t>&lt;0.08</t>
  </si>
  <si>
    <t>&lt;0.005</t>
  </si>
  <si>
    <t>有機りん</t>
  </si>
  <si>
    <t>mS/m</t>
  </si>
  <si>
    <t>‰</t>
  </si>
  <si>
    <t>&lt;0.04</t>
  </si>
  <si>
    <t>&lt;0.03</t>
  </si>
  <si>
    <t>&lt;0.001</t>
  </si>
  <si>
    <t>1，1，1-トリクロロエタン</t>
  </si>
  <si>
    <t>μg/L</t>
  </si>
  <si>
    <t>1,4-ジオキサン</t>
    <phoneticPr fontId="18"/>
  </si>
  <si>
    <t>1,4-ジオキサン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LAS</t>
    <phoneticPr fontId="18"/>
  </si>
  <si>
    <t>LAS</t>
    <phoneticPr fontId="18"/>
  </si>
  <si>
    <t>&lt;0.00006</t>
  </si>
  <si>
    <t>&lt;0.0006</t>
  </si>
  <si>
    <t/>
  </si>
  <si>
    <t>上層、下層の混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05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180</v>
      </c>
      <c r="C1" s="1" t="s">
        <v>1</v>
      </c>
      <c r="D1" s="1" t="s">
        <v>181</v>
      </c>
      <c r="E1" s="1" t="s">
        <v>2</v>
      </c>
      <c r="F1" s="1" t="s">
        <v>182</v>
      </c>
      <c r="G1" s="1" t="s">
        <v>3</v>
      </c>
      <c r="H1" s="1" t="s">
        <v>1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184</v>
      </c>
      <c r="V2" s="1" t="s">
        <v>133</v>
      </c>
      <c r="W2" s="1" t="s">
        <v>197</v>
      </c>
      <c r="X2" s="1" t="s">
        <v>134</v>
      </c>
      <c r="Y2" s="1" t="s">
        <v>135</v>
      </c>
      <c r="Z2" s="1" t="s">
        <v>136</v>
      </c>
      <c r="AA2" s="1" t="s">
        <v>226</v>
      </c>
      <c r="AB2" s="1" t="s">
        <v>230</v>
      </c>
      <c r="AC2" s="1" t="s">
        <v>137</v>
      </c>
      <c r="AD2" s="1" t="s">
        <v>138</v>
      </c>
      <c r="AE2" s="1" t="s">
        <v>198</v>
      </c>
      <c r="AF2" s="1" t="s">
        <v>139</v>
      </c>
      <c r="AG2" s="1" t="s">
        <v>140</v>
      </c>
      <c r="AH2" s="1" t="s">
        <v>141</v>
      </c>
      <c r="AI2" s="1" t="s">
        <v>142</v>
      </c>
      <c r="AJ2" s="1" t="s">
        <v>143</v>
      </c>
      <c r="AK2" s="1" t="s">
        <v>144</v>
      </c>
      <c r="AL2" s="1" t="s">
        <v>145</v>
      </c>
      <c r="AM2" s="1" t="s">
        <v>146</v>
      </c>
      <c r="AN2" s="1" t="s">
        <v>147</v>
      </c>
      <c r="AO2" s="1" t="s">
        <v>148</v>
      </c>
      <c r="AP2" t="s">
        <v>222</v>
      </c>
      <c r="AQ2" s="1" t="s">
        <v>149</v>
      </c>
      <c r="AR2" s="1" t="s">
        <v>150</v>
      </c>
      <c r="AS2" s="1" t="s">
        <v>151</v>
      </c>
      <c r="AT2" s="1" t="s">
        <v>208</v>
      </c>
      <c r="AU2" s="1" t="s">
        <v>152</v>
      </c>
      <c r="AV2" s="1" t="s">
        <v>153</v>
      </c>
      <c r="AW2" s="1" t="s">
        <v>154</v>
      </c>
      <c r="AX2" s="1" t="s">
        <v>155</v>
      </c>
      <c r="AY2" s="1" t="s">
        <v>156</v>
      </c>
      <c r="AZ2" s="1" t="s">
        <v>157</v>
      </c>
      <c r="BA2" s="1" t="s">
        <v>158</v>
      </c>
      <c r="BB2" s="1" t="s">
        <v>159</v>
      </c>
      <c r="BC2" s="1" t="s">
        <v>160</v>
      </c>
      <c r="BD2" s="1" t="s">
        <v>161</v>
      </c>
      <c r="BE2" s="1" t="s">
        <v>224</v>
      </c>
      <c r="BF2" s="1" t="s">
        <v>162</v>
      </c>
      <c r="BG2" s="1" t="s">
        <v>209</v>
      </c>
      <c r="BH2" s="1" t="s">
        <v>210</v>
      </c>
      <c r="BI2" s="1" t="s">
        <v>163</v>
      </c>
      <c r="BJ2" s="1" t="s">
        <v>164</v>
      </c>
      <c r="BK2" s="1" t="s">
        <v>165</v>
      </c>
      <c r="BL2" s="1" t="s">
        <v>166</v>
      </c>
      <c r="BM2" s="1" t="s">
        <v>167</v>
      </c>
      <c r="BN2" s="1" t="s">
        <v>168</v>
      </c>
      <c r="BO2" s="1" t="s">
        <v>169</v>
      </c>
      <c r="BP2" s="1" t="s">
        <v>170</v>
      </c>
      <c r="BQ2" s="1" t="s">
        <v>171</v>
      </c>
      <c r="BR2" s="1" t="s">
        <v>172</v>
      </c>
      <c r="BS2" s="1" t="s">
        <v>173</v>
      </c>
      <c r="BT2" s="1" t="s">
        <v>174</v>
      </c>
      <c r="BU2" s="1" t="s">
        <v>175</v>
      </c>
      <c r="BV2" s="1" t="s">
        <v>176</v>
      </c>
      <c r="BW2" s="1" t="s">
        <v>177</v>
      </c>
      <c r="BX2" s="1" t="s">
        <v>178</v>
      </c>
      <c r="BY2" s="1" t="s">
        <v>179</v>
      </c>
      <c r="BZ2" s="1" t="s">
        <v>216</v>
      </c>
    </row>
    <row r="3" spans="1:78" x14ac:dyDescent="0.15">
      <c r="A3" s="1" t="s">
        <v>185</v>
      </c>
      <c r="B3" s="1" t="s">
        <v>186</v>
      </c>
      <c r="C3" s="1"/>
      <c r="D3" s="1"/>
      <c r="E3" s="1"/>
      <c r="F3" s="1" t="s">
        <v>187</v>
      </c>
      <c r="G3" s="1" t="s">
        <v>187</v>
      </c>
      <c r="H3" s="1" t="s">
        <v>188</v>
      </c>
      <c r="I3" s="1" t="s">
        <v>24</v>
      </c>
      <c r="J3" s="1" t="s">
        <v>189</v>
      </c>
      <c r="K3" s="1" t="s">
        <v>189</v>
      </c>
      <c r="L3" s="1" t="s">
        <v>190</v>
      </c>
      <c r="M3" s="1" t="s">
        <v>1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19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217</v>
      </c>
      <c r="BP3" s="1" t="s">
        <v>25</v>
      </c>
      <c r="BQ3" s="1" t="s">
        <v>218</v>
      </c>
      <c r="BR3" s="1" t="s">
        <v>25</v>
      </c>
      <c r="BS3" s="1" t="s">
        <v>25</v>
      </c>
      <c r="BT3" s="1" t="s">
        <v>22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513888888888889</v>
      </c>
      <c r="C4" s="1" t="s">
        <v>191</v>
      </c>
      <c r="D4" s="1" t="s">
        <v>27</v>
      </c>
      <c r="E4" s="1" t="s">
        <v>192</v>
      </c>
      <c r="F4" s="1" t="s">
        <v>28</v>
      </c>
      <c r="G4" s="1" t="s">
        <v>29</v>
      </c>
      <c r="J4" s="1" t="s">
        <v>30</v>
      </c>
      <c r="K4" s="1" t="s">
        <v>31</v>
      </c>
      <c r="M4" s="1" t="s">
        <v>32</v>
      </c>
      <c r="N4" s="1" t="s">
        <v>33</v>
      </c>
      <c r="O4" s="1" t="s">
        <v>34</v>
      </c>
      <c r="P4" s="1" t="s">
        <v>35</v>
      </c>
      <c r="Q4" s="1" t="s">
        <v>36</v>
      </c>
      <c r="R4" s="1" t="s">
        <v>37</v>
      </c>
      <c r="S4" s="1" t="s">
        <v>38</v>
      </c>
      <c r="T4" s="1" t="s">
        <v>39</v>
      </c>
      <c r="U4" s="1">
        <v>10.199999999999999</v>
      </c>
      <c r="V4" s="3">
        <v>2</v>
      </c>
      <c r="W4" s="1"/>
      <c r="X4" s="1">
        <v>0.08</v>
      </c>
      <c r="Y4" s="1">
        <v>3.0000000000000001E-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201</v>
      </c>
      <c r="BC4" s="1" t="s">
        <v>211</v>
      </c>
      <c r="BD4" s="1" t="s">
        <v>212</v>
      </c>
      <c r="BE4" s="1"/>
      <c r="BF4" s="1"/>
      <c r="BG4" s="1"/>
      <c r="BH4" s="1"/>
      <c r="BI4" s="1"/>
      <c r="BJ4" s="1"/>
      <c r="BK4" s="1"/>
      <c r="BL4" s="1"/>
      <c r="BM4" s="1" t="s">
        <v>219</v>
      </c>
      <c r="BN4" s="1" t="s">
        <v>215</v>
      </c>
      <c r="BO4" s="1">
        <v>7</v>
      </c>
      <c r="BP4" s="1">
        <v>3.7</v>
      </c>
      <c r="BQ4" s="1"/>
      <c r="BR4" s="1"/>
      <c r="BS4" s="1"/>
      <c r="BT4" s="1">
        <v>4.2</v>
      </c>
      <c r="BU4" s="1"/>
      <c r="BV4" s="1"/>
      <c r="BW4" s="1"/>
      <c r="BX4" s="1"/>
      <c r="BY4" s="1"/>
      <c r="BZ4" s="1"/>
    </row>
    <row r="5" spans="1:78" x14ac:dyDescent="0.15">
      <c r="B5" s="2">
        <v>0.46527777777777773</v>
      </c>
      <c r="C5" s="1" t="s">
        <v>193</v>
      </c>
      <c r="D5" s="1" t="s">
        <v>27</v>
      </c>
      <c r="E5" s="1" t="s">
        <v>192</v>
      </c>
      <c r="G5" s="1" t="s">
        <v>40</v>
      </c>
      <c r="J5" s="1" t="s">
        <v>41</v>
      </c>
      <c r="N5" s="1" t="s">
        <v>33</v>
      </c>
      <c r="P5" s="1" t="s">
        <v>35</v>
      </c>
      <c r="Q5" s="1" t="s">
        <v>42</v>
      </c>
      <c r="R5" s="1" t="s">
        <v>30</v>
      </c>
      <c r="S5" s="1" t="s">
        <v>43</v>
      </c>
      <c r="T5" s="1" t="s">
        <v>39</v>
      </c>
      <c r="U5" s="1">
        <v>9.6</v>
      </c>
      <c r="V5" s="1"/>
      <c r="W5" s="1"/>
      <c r="X5" s="1">
        <v>0.2</v>
      </c>
      <c r="Y5" s="1">
        <v>4.0000000000000001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201</v>
      </c>
      <c r="BC5" s="1" t="s">
        <v>211</v>
      </c>
      <c r="BD5" s="1" t="s">
        <v>212</v>
      </c>
      <c r="BE5" s="1"/>
      <c r="BF5" s="1"/>
      <c r="BG5" s="1"/>
      <c r="BH5" s="1"/>
      <c r="BI5" s="1"/>
      <c r="BJ5" s="1"/>
      <c r="BK5" s="1"/>
      <c r="BL5" s="1"/>
      <c r="BM5" s="1" t="s">
        <v>219</v>
      </c>
      <c r="BN5" s="1" t="s">
        <v>215</v>
      </c>
      <c r="BO5" s="1">
        <v>7</v>
      </c>
      <c r="BP5" s="1">
        <v>3.9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4</v>
      </c>
      <c r="B6" s="2">
        <v>0.5</v>
      </c>
      <c r="C6" s="1" t="s">
        <v>191</v>
      </c>
      <c r="D6" s="1" t="s">
        <v>45</v>
      </c>
      <c r="E6" s="1" t="s">
        <v>46</v>
      </c>
      <c r="F6" s="1" t="s">
        <v>47</v>
      </c>
      <c r="G6" s="1" t="s">
        <v>48</v>
      </c>
      <c r="J6" s="1" t="s">
        <v>30</v>
      </c>
      <c r="K6" s="1" t="s">
        <v>47</v>
      </c>
      <c r="M6" s="1" t="s">
        <v>49</v>
      </c>
      <c r="N6" s="1" t="s">
        <v>33</v>
      </c>
      <c r="O6" s="1" t="s">
        <v>34</v>
      </c>
      <c r="P6" s="1" t="s">
        <v>35</v>
      </c>
      <c r="Q6" s="1" t="s">
        <v>50</v>
      </c>
      <c r="R6" s="1" t="s">
        <v>51</v>
      </c>
      <c r="S6" s="1" t="s">
        <v>52</v>
      </c>
      <c r="T6" s="1" t="s">
        <v>39</v>
      </c>
      <c r="U6" s="1">
        <v>9.1</v>
      </c>
      <c r="V6" s="3">
        <v>33</v>
      </c>
      <c r="W6" s="1"/>
      <c r="X6" s="1">
        <v>0.12</v>
      </c>
      <c r="Y6" s="1">
        <v>5.0000000000000001E-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201</v>
      </c>
      <c r="BC6" s="1" t="s">
        <v>211</v>
      </c>
      <c r="BD6" s="1" t="s">
        <v>212</v>
      </c>
      <c r="BE6" s="1"/>
      <c r="BF6" s="1"/>
      <c r="BG6" s="1"/>
      <c r="BH6" s="1"/>
      <c r="BI6" s="1"/>
      <c r="BJ6" s="1"/>
      <c r="BK6" s="1"/>
      <c r="BL6" s="1"/>
      <c r="BM6" s="1" t="s">
        <v>219</v>
      </c>
      <c r="BN6" s="1" t="s">
        <v>215</v>
      </c>
      <c r="BO6" s="1">
        <v>6</v>
      </c>
      <c r="BP6" s="1">
        <v>3.7</v>
      </c>
      <c r="BQ6" s="1"/>
      <c r="BR6" s="1" t="s">
        <v>220</v>
      </c>
      <c r="BS6" s="1"/>
      <c r="BT6" s="1">
        <v>1</v>
      </c>
      <c r="BU6" s="1"/>
      <c r="BV6" s="1"/>
      <c r="BW6" s="1"/>
      <c r="BX6" s="1"/>
      <c r="BY6" s="1"/>
      <c r="BZ6" s="1"/>
    </row>
    <row r="7" spans="1:78" x14ac:dyDescent="0.15">
      <c r="B7" s="2">
        <v>0.51736111111111105</v>
      </c>
      <c r="C7" s="1" t="s">
        <v>193</v>
      </c>
      <c r="D7" s="1" t="s">
        <v>45</v>
      </c>
      <c r="E7" s="1" t="s">
        <v>46</v>
      </c>
      <c r="G7" s="1" t="s">
        <v>53</v>
      </c>
      <c r="J7" s="1" t="s">
        <v>31</v>
      </c>
      <c r="N7" s="1" t="s">
        <v>33</v>
      </c>
      <c r="P7" s="1" t="s">
        <v>35</v>
      </c>
      <c r="Q7" s="1" t="s">
        <v>54</v>
      </c>
      <c r="R7" s="1" t="s">
        <v>55</v>
      </c>
      <c r="S7" s="1" t="s">
        <v>43</v>
      </c>
      <c r="T7" s="1" t="s">
        <v>56</v>
      </c>
      <c r="U7" s="1">
        <v>7.8</v>
      </c>
      <c r="V7" s="1"/>
      <c r="W7" s="1"/>
      <c r="X7" s="1">
        <v>0.18</v>
      </c>
      <c r="Y7" s="1">
        <v>6.0000000000000001E-3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201</v>
      </c>
      <c r="BC7" s="1" t="s">
        <v>211</v>
      </c>
      <c r="BD7" s="1" t="s">
        <v>212</v>
      </c>
      <c r="BE7" s="1"/>
      <c r="BF7" s="1"/>
      <c r="BG7" s="1"/>
      <c r="BH7" s="1"/>
      <c r="BI7" s="1"/>
      <c r="BJ7" s="1"/>
      <c r="BK7" s="1"/>
      <c r="BL7" s="1"/>
      <c r="BM7" s="1" t="s">
        <v>219</v>
      </c>
      <c r="BN7" s="1" t="s">
        <v>215</v>
      </c>
      <c r="BO7" s="1">
        <v>7</v>
      </c>
      <c r="BP7" s="1">
        <v>3.9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51736111111111105</v>
      </c>
      <c r="C8" s="1" t="s">
        <v>235</v>
      </c>
      <c r="D8" s="1" t="s">
        <v>45</v>
      </c>
      <c r="E8" s="1" t="s">
        <v>46</v>
      </c>
      <c r="J8" s="1" t="s">
        <v>57</v>
      </c>
      <c r="N8" s="1" t="s">
        <v>33</v>
      </c>
      <c r="U8" s="1"/>
      <c r="V8" s="1"/>
      <c r="W8" s="1"/>
      <c r="X8" s="1"/>
      <c r="Y8" s="1"/>
      <c r="Z8" s="1"/>
      <c r="AA8" s="1"/>
      <c r="AB8" s="1"/>
      <c r="AC8" s="1" t="s">
        <v>200</v>
      </c>
      <c r="AD8" s="1" t="s">
        <v>201</v>
      </c>
      <c r="AE8" s="1" t="s">
        <v>202</v>
      </c>
      <c r="AF8" s="1" t="s">
        <v>203</v>
      </c>
      <c r="AG8" s="1" t="s">
        <v>202</v>
      </c>
      <c r="AH8" s="1" t="s">
        <v>202</v>
      </c>
      <c r="AI8" s="1"/>
      <c r="AJ8" s="1"/>
      <c r="AK8" s="1" t="s">
        <v>204</v>
      </c>
      <c r="AL8" s="1" t="s">
        <v>204</v>
      </c>
      <c r="AM8" s="1" t="s">
        <v>204</v>
      </c>
      <c r="AN8" s="1" t="s">
        <v>204</v>
      </c>
      <c r="AO8" s="1" t="s">
        <v>204</v>
      </c>
      <c r="AP8" t="s">
        <v>204</v>
      </c>
      <c r="AQ8" s="1" t="s">
        <v>204</v>
      </c>
      <c r="AR8" s="1" t="s">
        <v>204</v>
      </c>
      <c r="AS8" s="1" t="s">
        <v>204</v>
      </c>
      <c r="AT8" s="1" t="s">
        <v>213</v>
      </c>
      <c r="AU8" s="1" t="s">
        <v>202</v>
      </c>
      <c r="AV8" s="1" t="s">
        <v>200</v>
      </c>
      <c r="AW8" s="1" t="s">
        <v>200</v>
      </c>
      <c r="AX8" s="1" t="s">
        <v>204</v>
      </c>
      <c r="AY8" s="1" t="s">
        <v>202</v>
      </c>
      <c r="AZ8" s="1" t="s">
        <v>214</v>
      </c>
      <c r="BA8" s="1">
        <v>0.01</v>
      </c>
      <c r="BB8" s="1"/>
      <c r="BC8" s="1"/>
      <c r="BD8" s="1"/>
      <c r="BE8" s="1" t="s">
        <v>215</v>
      </c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58</v>
      </c>
      <c r="B9" s="2">
        <v>0.4548611111111111</v>
      </c>
      <c r="C9" s="1" t="s">
        <v>191</v>
      </c>
      <c r="D9" s="1" t="s">
        <v>59</v>
      </c>
      <c r="E9" s="1" t="s">
        <v>60</v>
      </c>
      <c r="F9" s="1" t="s">
        <v>61</v>
      </c>
      <c r="G9" s="1" t="s">
        <v>62</v>
      </c>
      <c r="J9" s="1" t="s">
        <v>30</v>
      </c>
      <c r="K9" s="1" t="s">
        <v>63</v>
      </c>
      <c r="M9" s="1" t="s">
        <v>64</v>
      </c>
      <c r="N9" s="1" t="s">
        <v>33</v>
      </c>
      <c r="O9" s="1" t="s">
        <v>34</v>
      </c>
      <c r="P9" s="1" t="s">
        <v>35</v>
      </c>
      <c r="Q9" s="1" t="s">
        <v>65</v>
      </c>
      <c r="R9" s="1" t="s">
        <v>55</v>
      </c>
      <c r="S9" s="1" t="s">
        <v>66</v>
      </c>
      <c r="T9" s="1" t="s">
        <v>56</v>
      </c>
      <c r="U9" s="1">
        <v>9.1</v>
      </c>
      <c r="V9" s="3">
        <v>13</v>
      </c>
      <c r="W9" s="1"/>
      <c r="X9" s="1">
        <v>0.12</v>
      </c>
      <c r="Y9" s="1">
        <v>3.0000000000000001E-3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201</v>
      </c>
      <c r="BC9" s="1" t="s">
        <v>211</v>
      </c>
      <c r="BD9" s="1" t="s">
        <v>212</v>
      </c>
      <c r="BE9" s="1"/>
      <c r="BF9" s="1"/>
      <c r="BG9" s="1"/>
      <c r="BH9" s="1"/>
      <c r="BI9" s="1"/>
      <c r="BJ9" s="1"/>
      <c r="BK9" s="1"/>
      <c r="BL9" s="1"/>
      <c r="BM9" s="1" t="s">
        <v>219</v>
      </c>
      <c r="BN9" s="1" t="s">
        <v>215</v>
      </c>
      <c r="BO9" s="1">
        <v>7</v>
      </c>
      <c r="BP9" s="1">
        <v>4.0999999999999996</v>
      </c>
      <c r="BQ9" s="1"/>
      <c r="BR9" s="1"/>
      <c r="BS9" s="1"/>
      <c r="BT9" s="1">
        <v>3</v>
      </c>
      <c r="BU9" s="1"/>
      <c r="BV9" s="1"/>
      <c r="BW9" s="1"/>
      <c r="BX9" s="1"/>
      <c r="BY9" s="1"/>
      <c r="BZ9" s="1"/>
    </row>
    <row r="10" spans="1:78" x14ac:dyDescent="0.15">
      <c r="B10" s="2">
        <v>0.46875</v>
      </c>
      <c r="C10" s="1" t="s">
        <v>193</v>
      </c>
      <c r="D10" s="1" t="s">
        <v>59</v>
      </c>
      <c r="E10" s="1" t="s">
        <v>60</v>
      </c>
      <c r="G10" s="1" t="s">
        <v>67</v>
      </c>
      <c r="J10" s="1" t="s">
        <v>68</v>
      </c>
      <c r="N10" s="1" t="s">
        <v>33</v>
      </c>
      <c r="P10" s="1" t="s">
        <v>35</v>
      </c>
      <c r="Q10" s="1" t="s">
        <v>69</v>
      </c>
      <c r="R10" s="1" t="s">
        <v>30</v>
      </c>
      <c r="S10" s="1" t="s">
        <v>38</v>
      </c>
      <c r="T10" s="1" t="s">
        <v>56</v>
      </c>
      <c r="U10" s="1">
        <v>3.9</v>
      </c>
      <c r="V10" s="1"/>
      <c r="W10" s="1"/>
      <c r="X10" s="1">
        <v>0.15</v>
      </c>
      <c r="Y10" s="1">
        <v>4.0000000000000001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201</v>
      </c>
      <c r="BC10" s="1" t="s">
        <v>211</v>
      </c>
      <c r="BD10" s="1" t="s">
        <v>212</v>
      </c>
      <c r="BE10" s="1"/>
      <c r="BF10" s="1"/>
      <c r="BG10" s="1"/>
      <c r="BH10" s="1"/>
      <c r="BI10" s="1"/>
      <c r="BJ10" s="1"/>
      <c r="BK10" s="1"/>
      <c r="BL10" s="1"/>
      <c r="BM10" s="1" t="s">
        <v>219</v>
      </c>
      <c r="BN10" s="1" t="s">
        <v>215</v>
      </c>
      <c r="BO10" s="1">
        <v>7</v>
      </c>
      <c r="BP10" s="1">
        <v>4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46875</v>
      </c>
      <c r="C11" s="1" t="s">
        <v>235</v>
      </c>
      <c r="D11" s="1" t="s">
        <v>59</v>
      </c>
      <c r="E11" s="1" t="s">
        <v>60</v>
      </c>
      <c r="J11" s="1" t="s">
        <v>70</v>
      </c>
      <c r="N11" s="1" t="s">
        <v>33</v>
      </c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71</v>
      </c>
      <c r="B12" s="2">
        <v>0.45833333333333331</v>
      </c>
      <c r="C12" s="1" t="s">
        <v>191</v>
      </c>
      <c r="D12" s="1" t="s">
        <v>59</v>
      </c>
      <c r="E12" s="1" t="s">
        <v>192</v>
      </c>
      <c r="F12" s="1" t="s">
        <v>72</v>
      </c>
      <c r="G12" s="1" t="s">
        <v>73</v>
      </c>
      <c r="J12" s="1" t="s">
        <v>30</v>
      </c>
      <c r="K12" s="1" t="s">
        <v>74</v>
      </c>
      <c r="M12" s="1" t="s">
        <v>64</v>
      </c>
      <c r="N12" s="1" t="s">
        <v>33</v>
      </c>
      <c r="O12" s="1" t="s">
        <v>34</v>
      </c>
      <c r="P12" s="1" t="s">
        <v>35</v>
      </c>
      <c r="Q12" s="1" t="s">
        <v>75</v>
      </c>
      <c r="R12" s="1" t="s">
        <v>37</v>
      </c>
      <c r="S12" s="1" t="s">
        <v>76</v>
      </c>
      <c r="T12" s="1" t="s">
        <v>39</v>
      </c>
      <c r="U12" s="1">
        <v>9.9</v>
      </c>
      <c r="V12" s="1" t="s">
        <v>205</v>
      </c>
      <c r="W12" s="1"/>
      <c r="X12" s="1">
        <v>0.16</v>
      </c>
      <c r="Y12" s="1" t="s">
        <v>206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201</v>
      </c>
      <c r="BC12" s="1" t="s">
        <v>211</v>
      </c>
      <c r="BD12" s="1" t="s">
        <v>212</v>
      </c>
      <c r="BE12" s="1"/>
      <c r="BF12" s="1"/>
      <c r="BG12" s="1"/>
      <c r="BH12" s="1"/>
      <c r="BI12" s="1"/>
      <c r="BJ12" s="1"/>
      <c r="BK12" s="1"/>
      <c r="BL12" s="1"/>
      <c r="BM12" s="1" t="s">
        <v>219</v>
      </c>
      <c r="BN12" s="1" t="s">
        <v>215</v>
      </c>
      <c r="BO12" s="1">
        <v>7</v>
      </c>
      <c r="BP12" s="1">
        <v>3.9</v>
      </c>
      <c r="BQ12" s="1"/>
      <c r="BR12" s="1"/>
      <c r="BS12" s="1"/>
      <c r="BT12" s="1">
        <v>1.5</v>
      </c>
      <c r="BU12" s="1"/>
      <c r="BV12" s="1"/>
      <c r="BW12" s="1"/>
      <c r="BX12" s="1"/>
      <c r="BY12" s="1"/>
      <c r="BZ12" s="1"/>
    </row>
    <row r="13" spans="1:78" x14ac:dyDescent="0.15">
      <c r="B13" s="2">
        <v>0.47222222222222227</v>
      </c>
      <c r="C13" s="1" t="s">
        <v>193</v>
      </c>
      <c r="D13" s="1" t="s">
        <v>59</v>
      </c>
      <c r="E13" s="1" t="s">
        <v>192</v>
      </c>
      <c r="G13" s="1" t="s">
        <v>49</v>
      </c>
      <c r="J13" s="1" t="s">
        <v>77</v>
      </c>
      <c r="N13" s="1" t="s">
        <v>33</v>
      </c>
      <c r="P13" s="1" t="s">
        <v>35</v>
      </c>
      <c r="Q13" s="1" t="s">
        <v>75</v>
      </c>
      <c r="R13" s="1" t="s">
        <v>37</v>
      </c>
      <c r="S13" s="1" t="s">
        <v>78</v>
      </c>
      <c r="T13" s="1" t="s">
        <v>39</v>
      </c>
      <c r="U13" s="1">
        <v>9.6999999999999993</v>
      </c>
      <c r="V13" s="1"/>
      <c r="W13" s="1"/>
      <c r="X13" s="1">
        <v>0.17</v>
      </c>
      <c r="Y13" s="1" t="s">
        <v>206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201</v>
      </c>
      <c r="BC13" s="1" t="s">
        <v>211</v>
      </c>
      <c r="BD13" s="1" t="s">
        <v>212</v>
      </c>
      <c r="BE13" s="1"/>
      <c r="BF13" s="1"/>
      <c r="BG13" s="1"/>
      <c r="BH13" s="1"/>
      <c r="BI13" s="1"/>
      <c r="BJ13" s="1"/>
      <c r="BK13" s="1"/>
      <c r="BL13" s="1"/>
      <c r="BM13" s="1" t="s">
        <v>219</v>
      </c>
      <c r="BN13" s="1" t="s">
        <v>215</v>
      </c>
      <c r="BO13" s="1">
        <v>7</v>
      </c>
      <c r="BP13" s="1">
        <v>3.9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47222222222222227</v>
      </c>
      <c r="C14" s="1" t="s">
        <v>235</v>
      </c>
      <c r="D14" s="1" t="s">
        <v>59</v>
      </c>
      <c r="E14" s="1" t="s">
        <v>192</v>
      </c>
      <c r="J14" s="1" t="s">
        <v>79</v>
      </c>
      <c r="N14" s="1" t="s">
        <v>33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46" spans="21:21" x14ac:dyDescent="0.15">
      <c r="U46" s="1"/>
    </row>
    <row r="47" spans="21:21" x14ac:dyDescent="0.15">
      <c r="U47" s="1"/>
    </row>
    <row r="48" spans="21:21" x14ac:dyDescent="0.15">
      <c r="U48" s="1"/>
    </row>
    <row r="49" spans="21:21" x14ac:dyDescent="0.15">
      <c r="U49" s="1"/>
    </row>
    <row r="50" spans="21:21" x14ac:dyDescent="0.15">
      <c r="U50" s="1"/>
    </row>
    <row r="51" spans="21:21" x14ac:dyDescent="0.15">
      <c r="U51" s="1"/>
    </row>
    <row r="52" spans="21:21" x14ac:dyDescent="0.15">
      <c r="U52" s="1"/>
    </row>
    <row r="53" spans="21:21" x14ac:dyDescent="0.15">
      <c r="U53" s="1"/>
    </row>
    <row r="54" spans="21:21" x14ac:dyDescent="0.15">
      <c r="U54" s="1"/>
    </row>
    <row r="55" spans="21:21" x14ac:dyDescent="0.15">
      <c r="U55" s="1"/>
    </row>
    <row r="56" spans="21:21" x14ac:dyDescent="0.15">
      <c r="U56" s="1"/>
    </row>
    <row r="57" spans="21:21" x14ac:dyDescent="0.15">
      <c r="U57" s="1"/>
    </row>
    <row r="62" spans="21:21" x14ac:dyDescent="0.15">
      <c r="U62" s="1"/>
    </row>
    <row r="63" spans="21:21" x14ac:dyDescent="0.15">
      <c r="U63" s="1"/>
    </row>
    <row r="64" spans="21:21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3" spans="21:21" x14ac:dyDescent="0.15">
      <c r="U73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4" spans="21:21" x14ac:dyDescent="0.15">
      <c r="U94" s="1"/>
    </row>
    <row r="95" spans="21:21" x14ac:dyDescent="0.15">
      <c r="U95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8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180</v>
      </c>
      <c r="C1" s="1" t="s">
        <v>1</v>
      </c>
      <c r="D1" s="1" t="s">
        <v>194</v>
      </c>
      <c r="E1" s="1" t="s">
        <v>2</v>
      </c>
      <c r="F1" s="1" t="s">
        <v>182</v>
      </c>
      <c r="G1" s="1" t="s">
        <v>3</v>
      </c>
      <c r="H1" s="1" t="s">
        <v>1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184</v>
      </c>
      <c r="V2" s="1" t="s">
        <v>133</v>
      </c>
      <c r="W2" s="1" t="s">
        <v>197</v>
      </c>
      <c r="X2" s="1" t="s">
        <v>134</v>
      </c>
      <c r="Y2" s="1" t="s">
        <v>135</v>
      </c>
      <c r="Z2" s="1" t="s">
        <v>136</v>
      </c>
      <c r="AA2" s="1" t="s">
        <v>229</v>
      </c>
      <c r="AB2" s="1" t="s">
        <v>231</v>
      </c>
      <c r="AC2" s="1" t="s">
        <v>137</v>
      </c>
      <c r="AD2" s="1" t="s">
        <v>138</v>
      </c>
      <c r="AE2" s="1" t="s">
        <v>198</v>
      </c>
      <c r="AF2" s="1" t="s">
        <v>139</v>
      </c>
      <c r="AG2" s="1" t="s">
        <v>140</v>
      </c>
      <c r="AH2" s="1" t="s">
        <v>141</v>
      </c>
      <c r="AI2" s="1" t="s">
        <v>142</v>
      </c>
      <c r="AJ2" s="1" t="s">
        <v>143</v>
      </c>
      <c r="AK2" s="1" t="s">
        <v>144</v>
      </c>
      <c r="AL2" s="1" t="s">
        <v>145</v>
      </c>
      <c r="AM2" s="1" t="s">
        <v>146</v>
      </c>
      <c r="AN2" s="1" t="s">
        <v>147</v>
      </c>
      <c r="AO2" s="1" t="s">
        <v>148</v>
      </c>
      <c r="AP2" t="s">
        <v>222</v>
      </c>
      <c r="AQ2" s="1" t="s">
        <v>149</v>
      </c>
      <c r="AR2" s="1" t="s">
        <v>150</v>
      </c>
      <c r="AS2" s="1" t="s">
        <v>151</v>
      </c>
      <c r="AT2" s="1" t="s">
        <v>208</v>
      </c>
      <c r="AU2" s="1" t="s">
        <v>152</v>
      </c>
      <c r="AV2" s="1" t="s">
        <v>153</v>
      </c>
      <c r="AW2" s="1" t="s">
        <v>154</v>
      </c>
      <c r="AX2" s="1" t="s">
        <v>155</v>
      </c>
      <c r="AY2" s="1" t="s">
        <v>156</v>
      </c>
      <c r="AZ2" s="1" t="s">
        <v>157</v>
      </c>
      <c r="BA2" s="1" t="s">
        <v>158</v>
      </c>
      <c r="BB2" s="1" t="s">
        <v>159</v>
      </c>
      <c r="BC2" s="1" t="s">
        <v>160</v>
      </c>
      <c r="BD2" s="1" t="s">
        <v>161</v>
      </c>
      <c r="BE2" s="1" t="s">
        <v>224</v>
      </c>
      <c r="BF2" s="1" t="s">
        <v>162</v>
      </c>
      <c r="BG2" s="1" t="s">
        <v>209</v>
      </c>
      <c r="BH2" s="1" t="s">
        <v>210</v>
      </c>
      <c r="BI2" s="1" t="s">
        <v>163</v>
      </c>
      <c r="BJ2" s="1" t="s">
        <v>164</v>
      </c>
      <c r="BK2" s="1" t="s">
        <v>165</v>
      </c>
      <c r="BL2" s="1" t="s">
        <v>166</v>
      </c>
      <c r="BM2" s="1" t="s">
        <v>167</v>
      </c>
      <c r="BN2" s="1" t="s">
        <v>168</v>
      </c>
      <c r="BO2" s="1" t="s">
        <v>169</v>
      </c>
      <c r="BP2" s="1" t="s">
        <v>170</v>
      </c>
      <c r="BQ2" s="1" t="s">
        <v>171</v>
      </c>
      <c r="BR2" s="1" t="s">
        <v>172</v>
      </c>
      <c r="BS2" s="1" t="s">
        <v>173</v>
      </c>
      <c r="BT2" s="1" t="s">
        <v>174</v>
      </c>
      <c r="BU2" s="1" t="s">
        <v>175</v>
      </c>
      <c r="BV2" s="1" t="s">
        <v>176</v>
      </c>
      <c r="BW2" s="1" t="s">
        <v>177</v>
      </c>
      <c r="BX2" s="1" t="s">
        <v>178</v>
      </c>
      <c r="BY2" s="1" t="s">
        <v>179</v>
      </c>
      <c r="BZ2" s="1" t="s">
        <v>216</v>
      </c>
    </row>
    <row r="3" spans="1:78" x14ac:dyDescent="0.15">
      <c r="A3" s="1" t="s">
        <v>185</v>
      </c>
      <c r="B3" s="1" t="s">
        <v>186</v>
      </c>
      <c r="C3" s="1"/>
      <c r="D3" s="1"/>
      <c r="E3" s="1"/>
      <c r="F3" s="1" t="s">
        <v>187</v>
      </c>
      <c r="G3" s="1" t="s">
        <v>187</v>
      </c>
      <c r="H3" s="1" t="s">
        <v>188</v>
      </c>
      <c r="I3" s="1" t="s">
        <v>24</v>
      </c>
      <c r="J3" s="1" t="s">
        <v>189</v>
      </c>
      <c r="K3" s="1" t="s">
        <v>189</v>
      </c>
      <c r="L3" s="1" t="s">
        <v>190</v>
      </c>
      <c r="M3" s="1" t="s">
        <v>1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19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217</v>
      </c>
      <c r="BP3" s="1" t="s">
        <v>25</v>
      </c>
      <c r="BQ3" s="1" t="s">
        <v>218</v>
      </c>
      <c r="BR3" s="1" t="s">
        <v>25</v>
      </c>
      <c r="BS3" s="1" t="s">
        <v>25</v>
      </c>
      <c r="BT3" s="1" t="s">
        <v>22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1666666666666669</v>
      </c>
      <c r="C4" s="1" t="s">
        <v>191</v>
      </c>
      <c r="D4" s="1" t="s">
        <v>27</v>
      </c>
      <c r="E4" s="1" t="s">
        <v>192</v>
      </c>
      <c r="F4" s="1" t="s">
        <v>80</v>
      </c>
      <c r="G4" s="1" t="s">
        <v>81</v>
      </c>
      <c r="J4" s="1" t="s">
        <v>30</v>
      </c>
      <c r="K4" s="1" t="s">
        <v>82</v>
      </c>
      <c r="M4" s="1" t="s">
        <v>64</v>
      </c>
      <c r="N4" s="1" t="s">
        <v>33</v>
      </c>
      <c r="O4" s="1" t="s">
        <v>34</v>
      </c>
      <c r="P4" s="1" t="s">
        <v>35</v>
      </c>
      <c r="Q4" s="1" t="s">
        <v>50</v>
      </c>
      <c r="R4" s="1" t="s">
        <v>51</v>
      </c>
      <c r="S4" s="1" t="s">
        <v>52</v>
      </c>
      <c r="T4" s="1" t="s">
        <v>39</v>
      </c>
      <c r="U4" s="1">
        <v>10.7</v>
      </c>
      <c r="V4" s="3">
        <v>4</v>
      </c>
      <c r="W4" s="1"/>
      <c r="X4" s="1">
        <v>0.1</v>
      </c>
      <c r="Y4" s="1">
        <v>3.0000000000000001E-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201</v>
      </c>
      <c r="BC4" s="1" t="s">
        <v>211</v>
      </c>
      <c r="BD4" s="1" t="s">
        <v>212</v>
      </c>
      <c r="BE4" s="1"/>
      <c r="BF4" s="1"/>
      <c r="BG4" s="1"/>
      <c r="BH4" s="1"/>
      <c r="BI4" s="1"/>
      <c r="BJ4" s="1"/>
      <c r="BK4" s="1"/>
      <c r="BL4" s="1"/>
      <c r="BM4" s="1" t="s">
        <v>219</v>
      </c>
      <c r="BN4" s="1" t="s">
        <v>215</v>
      </c>
      <c r="BO4" s="1">
        <v>7</v>
      </c>
      <c r="BP4" s="1">
        <v>3.5</v>
      </c>
      <c r="BQ4" s="1"/>
      <c r="BR4" s="1"/>
      <c r="BS4" s="1"/>
      <c r="BT4" s="1">
        <v>3.2</v>
      </c>
      <c r="BU4" s="1"/>
      <c r="BV4" s="1"/>
      <c r="BW4" s="1"/>
      <c r="BX4" s="1"/>
      <c r="BY4" s="1"/>
      <c r="BZ4" s="1"/>
    </row>
    <row r="5" spans="1:78" x14ac:dyDescent="0.15">
      <c r="B5" s="2">
        <v>0.4375</v>
      </c>
      <c r="C5" s="1" t="s">
        <v>193</v>
      </c>
      <c r="D5" s="1" t="s">
        <v>27</v>
      </c>
      <c r="E5" s="1" t="s">
        <v>192</v>
      </c>
      <c r="G5" s="1" t="s">
        <v>83</v>
      </c>
      <c r="J5" s="1" t="s">
        <v>84</v>
      </c>
      <c r="N5" s="1" t="s">
        <v>33</v>
      </c>
      <c r="P5" s="1" t="s">
        <v>35</v>
      </c>
      <c r="Q5" s="1" t="s">
        <v>73</v>
      </c>
      <c r="R5" s="1" t="s">
        <v>51</v>
      </c>
      <c r="S5" s="1" t="s">
        <v>85</v>
      </c>
      <c r="T5" s="1" t="s">
        <v>39</v>
      </c>
      <c r="U5" s="1">
        <v>9.5</v>
      </c>
      <c r="V5" s="1"/>
      <c r="W5" s="1"/>
      <c r="X5" s="1">
        <v>0.22</v>
      </c>
      <c r="Y5" s="1">
        <v>3.0000000000000001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201</v>
      </c>
      <c r="BC5" s="1" t="s">
        <v>211</v>
      </c>
      <c r="BD5" s="1" t="s">
        <v>212</v>
      </c>
      <c r="BE5" s="1"/>
      <c r="BF5" s="1"/>
      <c r="BG5" s="1"/>
      <c r="BH5" s="1"/>
      <c r="BI5" s="1"/>
      <c r="BJ5" s="1"/>
      <c r="BK5" s="1"/>
      <c r="BL5" s="1"/>
      <c r="BM5" s="1" t="s">
        <v>219</v>
      </c>
      <c r="BN5" s="1" t="s">
        <v>215</v>
      </c>
      <c r="BO5" s="1">
        <v>7</v>
      </c>
      <c r="BP5" s="1">
        <v>3.8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4</v>
      </c>
      <c r="B6" s="2">
        <v>0.44097222222222227</v>
      </c>
      <c r="C6" s="1" t="s">
        <v>191</v>
      </c>
      <c r="D6" s="1" t="s">
        <v>59</v>
      </c>
      <c r="E6" s="1" t="s">
        <v>46</v>
      </c>
      <c r="F6" s="1" t="s">
        <v>86</v>
      </c>
      <c r="G6" s="1" t="s">
        <v>87</v>
      </c>
      <c r="J6" s="1" t="s">
        <v>30</v>
      </c>
      <c r="K6" s="1" t="s">
        <v>88</v>
      </c>
      <c r="M6" s="1" t="s">
        <v>49</v>
      </c>
      <c r="N6" s="1" t="s">
        <v>33</v>
      </c>
      <c r="O6" s="1" t="s">
        <v>34</v>
      </c>
      <c r="P6" s="1" t="s">
        <v>35</v>
      </c>
      <c r="Q6" s="1" t="s">
        <v>89</v>
      </c>
      <c r="R6" s="1" t="s">
        <v>30</v>
      </c>
      <c r="S6" s="1" t="s">
        <v>52</v>
      </c>
      <c r="T6" s="1" t="s">
        <v>39</v>
      </c>
      <c r="U6" s="1">
        <v>9.3000000000000007</v>
      </c>
      <c r="V6" s="3">
        <v>23</v>
      </c>
      <c r="W6" s="1" t="s">
        <v>207</v>
      </c>
      <c r="X6" s="1">
        <v>0.16</v>
      </c>
      <c r="Y6" s="1">
        <v>6.0000000000000001E-3</v>
      </c>
      <c r="Z6" s="1">
        <v>8.0000000000000004E-4</v>
      </c>
      <c r="AA6" s="1" t="s">
        <v>232</v>
      </c>
      <c r="AB6" s="1" t="s">
        <v>233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201</v>
      </c>
      <c r="BC6" s="1" t="s">
        <v>211</v>
      </c>
      <c r="BD6" s="1" t="s">
        <v>212</v>
      </c>
      <c r="BE6" s="1"/>
      <c r="BF6" s="1"/>
      <c r="BG6" s="1"/>
      <c r="BH6" s="1"/>
      <c r="BI6" s="1"/>
      <c r="BJ6" s="1"/>
      <c r="BK6" s="1"/>
      <c r="BL6" s="1"/>
      <c r="BM6" s="1" t="s">
        <v>219</v>
      </c>
      <c r="BN6" s="1" t="s">
        <v>215</v>
      </c>
      <c r="BO6" s="1">
        <v>6</v>
      </c>
      <c r="BP6" s="1">
        <v>3.8</v>
      </c>
      <c r="BQ6" s="1"/>
      <c r="BR6" s="1" t="s">
        <v>220</v>
      </c>
      <c r="BS6" s="1"/>
      <c r="BT6" s="1">
        <v>2.4</v>
      </c>
      <c r="BU6" s="1"/>
      <c r="BV6" s="1"/>
      <c r="BW6" s="1"/>
      <c r="BX6" s="1"/>
      <c r="BY6" s="1"/>
      <c r="BZ6" s="1"/>
    </row>
    <row r="7" spans="1:78" x14ac:dyDescent="0.15">
      <c r="B7" s="2">
        <v>0.46527777777777773</v>
      </c>
      <c r="C7" s="1" t="s">
        <v>193</v>
      </c>
      <c r="D7" s="1" t="s">
        <v>59</v>
      </c>
      <c r="E7" s="1" t="s">
        <v>46</v>
      </c>
      <c r="G7" s="1" t="s">
        <v>90</v>
      </c>
      <c r="J7" s="1" t="s">
        <v>91</v>
      </c>
      <c r="N7" s="1" t="s">
        <v>33</v>
      </c>
      <c r="P7" s="1" t="s">
        <v>35</v>
      </c>
      <c r="Q7" s="1" t="s">
        <v>73</v>
      </c>
      <c r="R7" s="1" t="s">
        <v>55</v>
      </c>
      <c r="S7" s="1" t="s">
        <v>92</v>
      </c>
      <c r="T7" s="1" t="s">
        <v>39</v>
      </c>
      <c r="U7" s="1">
        <v>6.9</v>
      </c>
      <c r="V7" s="1"/>
      <c r="W7" s="1"/>
      <c r="X7" s="1">
        <v>0.24</v>
      </c>
      <c r="Y7" s="1">
        <v>6.0000000000000001E-3</v>
      </c>
      <c r="Z7" s="1">
        <v>2.8999999999999998E-3</v>
      </c>
      <c r="AA7" s="1" t="s">
        <v>232</v>
      </c>
      <c r="AB7" s="1" t="s">
        <v>233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201</v>
      </c>
      <c r="BC7" s="1">
        <v>7.0000000000000007E-2</v>
      </c>
      <c r="BD7" s="1">
        <v>0.12</v>
      </c>
      <c r="BE7" s="1"/>
      <c r="BF7" s="1"/>
      <c r="BG7" s="1"/>
      <c r="BH7" s="1"/>
      <c r="BI7" s="1"/>
      <c r="BJ7" s="1"/>
      <c r="BK7" s="1"/>
      <c r="BL7" s="1"/>
      <c r="BM7" s="1" t="s">
        <v>219</v>
      </c>
      <c r="BN7" s="1" t="s">
        <v>215</v>
      </c>
      <c r="BO7" s="1">
        <v>7</v>
      </c>
      <c r="BP7" s="1">
        <v>3.9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46527777777777773</v>
      </c>
      <c r="C8" s="1" t="s">
        <v>235</v>
      </c>
      <c r="D8" s="1" t="s">
        <v>59</v>
      </c>
      <c r="E8" s="1" t="s">
        <v>46</v>
      </c>
      <c r="J8" s="1" t="s">
        <v>93</v>
      </c>
      <c r="N8" s="1" t="s">
        <v>33</v>
      </c>
      <c r="U8" s="1"/>
      <c r="V8" s="1"/>
      <c r="W8" s="1"/>
      <c r="X8" s="1"/>
      <c r="Y8" s="1"/>
      <c r="Z8" s="1"/>
      <c r="AA8" s="1" t="s">
        <v>234</v>
      </c>
      <c r="AB8" s="1" t="s">
        <v>234</v>
      </c>
      <c r="AC8" s="1" t="s">
        <v>200</v>
      </c>
      <c r="AD8" s="1" t="s">
        <v>201</v>
      </c>
      <c r="AE8" s="1" t="s">
        <v>202</v>
      </c>
      <c r="AF8" s="1" t="s">
        <v>203</v>
      </c>
      <c r="AG8" s="1" t="s">
        <v>202</v>
      </c>
      <c r="AH8" s="1" t="s">
        <v>202</v>
      </c>
      <c r="AI8" s="1"/>
      <c r="AJ8" s="1" t="s">
        <v>202</v>
      </c>
      <c r="AK8" s="1" t="s">
        <v>204</v>
      </c>
      <c r="AL8" s="1" t="s">
        <v>204</v>
      </c>
      <c r="AM8" s="1" t="s">
        <v>204</v>
      </c>
      <c r="AN8" s="1" t="s">
        <v>204</v>
      </c>
      <c r="AO8" s="1" t="s">
        <v>204</v>
      </c>
      <c r="AP8" t="s">
        <v>204</v>
      </c>
      <c r="AQ8" s="1" t="s">
        <v>204</v>
      </c>
      <c r="AR8" s="1" t="s">
        <v>204</v>
      </c>
      <c r="AS8" s="1" t="s">
        <v>204</v>
      </c>
      <c r="AT8" s="1" t="s">
        <v>213</v>
      </c>
      <c r="AU8" s="1" t="s">
        <v>202</v>
      </c>
      <c r="AV8" s="1" t="s">
        <v>200</v>
      </c>
      <c r="AW8" s="1" t="s">
        <v>200</v>
      </c>
      <c r="AX8" s="1" t="s">
        <v>204</v>
      </c>
      <c r="AY8" s="1" t="s">
        <v>202</v>
      </c>
      <c r="AZ8" s="1" t="s">
        <v>214</v>
      </c>
      <c r="BA8" s="1">
        <v>0.01</v>
      </c>
      <c r="BB8" s="1"/>
      <c r="BC8" s="1"/>
      <c r="BD8" s="1"/>
      <c r="BE8" s="1" t="s">
        <v>215</v>
      </c>
      <c r="BF8" s="1" t="s">
        <v>215</v>
      </c>
      <c r="BG8" s="1">
        <v>6.9999999999999999E-4</v>
      </c>
      <c r="BH8" s="1" t="s">
        <v>203</v>
      </c>
      <c r="BI8" s="1" t="s">
        <v>201</v>
      </c>
      <c r="BJ8" s="1" t="s">
        <v>215</v>
      </c>
      <c r="BK8" s="1" t="s">
        <v>202</v>
      </c>
      <c r="BL8" s="1" t="s">
        <v>221</v>
      </c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58</v>
      </c>
      <c r="B9" s="2">
        <v>0.41666666666666669</v>
      </c>
      <c r="C9" s="1" t="s">
        <v>191</v>
      </c>
      <c r="D9" s="1" t="s">
        <v>59</v>
      </c>
      <c r="E9" s="1" t="s">
        <v>60</v>
      </c>
      <c r="F9" s="1" t="s">
        <v>81</v>
      </c>
      <c r="G9" s="1" t="s">
        <v>62</v>
      </c>
      <c r="J9" s="1" t="s">
        <v>30</v>
      </c>
      <c r="K9" s="1" t="s">
        <v>82</v>
      </c>
      <c r="M9" s="1" t="s">
        <v>64</v>
      </c>
      <c r="N9" s="1" t="s">
        <v>33</v>
      </c>
      <c r="O9" s="1" t="s">
        <v>34</v>
      </c>
      <c r="P9" s="1" t="s">
        <v>35</v>
      </c>
      <c r="Q9" s="1" t="s">
        <v>94</v>
      </c>
      <c r="R9" s="1" t="s">
        <v>55</v>
      </c>
      <c r="S9" s="1" t="s">
        <v>76</v>
      </c>
      <c r="T9" s="1" t="s">
        <v>56</v>
      </c>
      <c r="U9" s="1">
        <v>9.3000000000000007</v>
      </c>
      <c r="V9" s="3">
        <v>13</v>
      </c>
      <c r="W9" s="1"/>
      <c r="X9" s="1">
        <v>0.13</v>
      </c>
      <c r="Y9" s="1">
        <v>4.0000000000000001E-3</v>
      </c>
      <c r="Z9" s="1"/>
      <c r="AA9" s="1" t="s">
        <v>234</v>
      </c>
      <c r="AB9" s="1" t="s">
        <v>234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201</v>
      </c>
      <c r="BC9" s="1" t="s">
        <v>211</v>
      </c>
      <c r="BD9" s="1" t="s">
        <v>212</v>
      </c>
      <c r="BE9" s="1"/>
      <c r="BF9" s="1"/>
      <c r="BG9" s="1"/>
      <c r="BH9" s="1"/>
      <c r="BI9" s="1"/>
      <c r="BJ9" s="1"/>
      <c r="BK9" s="1"/>
      <c r="BL9" s="1"/>
      <c r="BM9" s="1" t="s">
        <v>219</v>
      </c>
      <c r="BN9" s="1" t="s">
        <v>215</v>
      </c>
      <c r="BO9" s="1">
        <v>7</v>
      </c>
      <c r="BP9" s="1">
        <v>4</v>
      </c>
      <c r="BQ9" s="1"/>
      <c r="BR9" s="1"/>
      <c r="BS9" s="1"/>
      <c r="BT9" s="1">
        <v>3.3</v>
      </c>
      <c r="BU9" s="1"/>
      <c r="BV9" s="1"/>
      <c r="BW9" s="1"/>
      <c r="BX9" s="1"/>
      <c r="BY9" s="1"/>
      <c r="BZ9" s="1"/>
    </row>
    <row r="10" spans="1:78" x14ac:dyDescent="0.15">
      <c r="B10" s="2">
        <v>0.4375</v>
      </c>
      <c r="C10" s="1" t="s">
        <v>193</v>
      </c>
      <c r="D10" s="1" t="s">
        <v>59</v>
      </c>
      <c r="E10" s="1" t="s">
        <v>60</v>
      </c>
      <c r="G10" s="1" t="s">
        <v>95</v>
      </c>
      <c r="J10" s="1" t="s">
        <v>84</v>
      </c>
      <c r="N10" s="1" t="s">
        <v>33</v>
      </c>
      <c r="P10" s="1" t="s">
        <v>35</v>
      </c>
      <c r="Q10" s="1" t="s">
        <v>53</v>
      </c>
      <c r="R10" s="1" t="s">
        <v>51</v>
      </c>
      <c r="S10" s="1" t="s">
        <v>38</v>
      </c>
      <c r="T10" s="1" t="s">
        <v>56</v>
      </c>
      <c r="U10" s="1">
        <v>2.6</v>
      </c>
      <c r="V10" s="1"/>
      <c r="W10" s="1"/>
      <c r="X10" s="1">
        <v>0.25</v>
      </c>
      <c r="Y10" s="1">
        <v>3.0000000000000001E-3</v>
      </c>
      <c r="Z10" s="1"/>
      <c r="AA10" s="1" t="s">
        <v>234</v>
      </c>
      <c r="AB10" s="1" t="s">
        <v>234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201</v>
      </c>
      <c r="BC10" s="1">
        <v>0.1</v>
      </c>
      <c r="BD10" s="1">
        <v>0.15</v>
      </c>
      <c r="BE10" s="1"/>
      <c r="BF10" s="1"/>
      <c r="BG10" s="1"/>
      <c r="BH10" s="1"/>
      <c r="BI10" s="1"/>
      <c r="BJ10" s="1"/>
      <c r="BK10" s="1"/>
      <c r="BL10" s="1"/>
      <c r="BM10" s="1" t="s">
        <v>219</v>
      </c>
      <c r="BN10" s="1" t="s">
        <v>215</v>
      </c>
      <c r="BO10" s="1">
        <v>7</v>
      </c>
      <c r="BP10" s="1">
        <v>4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4375</v>
      </c>
      <c r="C11" s="1" t="s">
        <v>235</v>
      </c>
      <c r="D11" s="1" t="s">
        <v>59</v>
      </c>
      <c r="E11" s="1" t="s">
        <v>60</v>
      </c>
      <c r="J11" s="1" t="s">
        <v>96</v>
      </c>
      <c r="N11" s="1" t="s">
        <v>33</v>
      </c>
      <c r="U11" s="1"/>
      <c r="V11" s="1"/>
      <c r="W11" s="1"/>
      <c r="X11" s="1"/>
      <c r="Y11" s="1"/>
      <c r="Z11" s="1"/>
      <c r="AA11" s="1" t="s">
        <v>234</v>
      </c>
      <c r="AB11" s="1" t="s">
        <v>234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71</v>
      </c>
      <c r="B12" s="2">
        <v>0.4236111111111111</v>
      </c>
      <c r="C12" s="1" t="s">
        <v>191</v>
      </c>
      <c r="D12" s="1" t="s">
        <v>59</v>
      </c>
      <c r="E12" s="1" t="s">
        <v>192</v>
      </c>
      <c r="F12" s="1" t="s">
        <v>97</v>
      </c>
      <c r="G12" s="1" t="s">
        <v>75</v>
      </c>
      <c r="J12" s="1" t="s">
        <v>30</v>
      </c>
      <c r="K12" s="1" t="s">
        <v>98</v>
      </c>
      <c r="M12" s="1" t="s">
        <v>99</v>
      </c>
      <c r="N12" s="1" t="s">
        <v>33</v>
      </c>
      <c r="O12" s="1" t="s">
        <v>34</v>
      </c>
      <c r="P12" s="1" t="s">
        <v>35</v>
      </c>
      <c r="Q12" s="1" t="s">
        <v>73</v>
      </c>
      <c r="R12" s="1" t="s">
        <v>100</v>
      </c>
      <c r="S12" s="1" t="s">
        <v>76</v>
      </c>
      <c r="T12" s="1" t="s">
        <v>39</v>
      </c>
      <c r="U12" s="1">
        <v>10.5</v>
      </c>
      <c r="V12" s="1" t="s">
        <v>205</v>
      </c>
      <c r="W12" s="1" t="s">
        <v>207</v>
      </c>
      <c r="X12" s="1">
        <v>0.17</v>
      </c>
      <c r="Y12" s="1">
        <v>4.0000000000000001E-3</v>
      </c>
      <c r="Z12" s="1">
        <v>3.3E-3</v>
      </c>
      <c r="AA12" s="1" t="s">
        <v>232</v>
      </c>
      <c r="AB12" s="1" t="s">
        <v>233</v>
      </c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201</v>
      </c>
      <c r="BC12" s="1" t="s">
        <v>211</v>
      </c>
      <c r="BD12" s="1" t="s">
        <v>212</v>
      </c>
      <c r="BE12" s="1"/>
      <c r="BF12" s="1"/>
      <c r="BG12" s="1"/>
      <c r="BH12" s="1"/>
      <c r="BI12" s="1"/>
      <c r="BJ12" s="1"/>
      <c r="BK12" s="1"/>
      <c r="BL12" s="1"/>
      <c r="BM12" s="1" t="s">
        <v>219</v>
      </c>
      <c r="BN12" s="1" t="s">
        <v>215</v>
      </c>
      <c r="BO12" s="1">
        <v>7</v>
      </c>
      <c r="BP12" s="1">
        <v>3.9</v>
      </c>
      <c r="BQ12" s="1"/>
      <c r="BR12" s="1"/>
      <c r="BS12" s="1"/>
      <c r="BT12" s="1">
        <v>1.9</v>
      </c>
      <c r="BU12" s="1"/>
      <c r="BV12" s="1"/>
      <c r="BW12" s="1"/>
      <c r="BX12" s="1"/>
      <c r="BY12" s="1"/>
      <c r="BZ12" s="1"/>
    </row>
    <row r="13" spans="1:78" x14ac:dyDescent="0.15">
      <c r="B13" s="2">
        <v>0.44097222222222227</v>
      </c>
      <c r="C13" s="1" t="s">
        <v>193</v>
      </c>
      <c r="D13" s="1" t="s">
        <v>59</v>
      </c>
      <c r="E13" s="1" t="s">
        <v>192</v>
      </c>
      <c r="G13" s="1" t="s">
        <v>49</v>
      </c>
      <c r="J13" s="1" t="s">
        <v>101</v>
      </c>
      <c r="N13" s="1" t="s">
        <v>33</v>
      </c>
      <c r="P13" s="1" t="s">
        <v>35</v>
      </c>
      <c r="Q13" s="1" t="s">
        <v>75</v>
      </c>
      <c r="R13" s="1" t="s">
        <v>37</v>
      </c>
      <c r="S13" s="1" t="s">
        <v>38</v>
      </c>
      <c r="T13" s="1" t="s">
        <v>56</v>
      </c>
      <c r="U13" s="1">
        <v>9.8000000000000007</v>
      </c>
      <c r="V13" s="1"/>
      <c r="W13" s="1"/>
      <c r="X13" s="1">
        <v>0.17</v>
      </c>
      <c r="Y13" s="1" t="s">
        <v>206</v>
      </c>
      <c r="Z13" s="1">
        <v>4.0000000000000001E-3</v>
      </c>
      <c r="AA13" s="1" t="s">
        <v>232</v>
      </c>
      <c r="AB13" s="1" t="s">
        <v>233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201</v>
      </c>
      <c r="BC13" s="1" t="s">
        <v>211</v>
      </c>
      <c r="BD13" s="1" t="s">
        <v>212</v>
      </c>
      <c r="BE13" s="1"/>
      <c r="BF13" s="1"/>
      <c r="BG13" s="1"/>
      <c r="BH13" s="1"/>
      <c r="BI13" s="1"/>
      <c r="BJ13" s="1"/>
      <c r="BK13" s="1"/>
      <c r="BL13" s="1"/>
      <c r="BM13" s="1" t="s">
        <v>219</v>
      </c>
      <c r="BN13" s="1" t="s">
        <v>215</v>
      </c>
      <c r="BO13" s="1">
        <v>7</v>
      </c>
      <c r="BP13" s="1">
        <v>3.9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44097222222222227</v>
      </c>
      <c r="C14" s="1" t="s">
        <v>235</v>
      </c>
      <c r="D14" s="1" t="s">
        <v>59</v>
      </c>
      <c r="E14" s="1" t="s">
        <v>192</v>
      </c>
      <c r="J14" s="1" t="s">
        <v>102</v>
      </c>
      <c r="N14" s="1" t="s">
        <v>33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1:57" x14ac:dyDescent="0.15">
      <c r="AA17" s="1"/>
      <c r="AB17" s="1"/>
      <c r="BE17" s="1"/>
    </row>
    <row r="18" spans="21:57" x14ac:dyDescent="0.15">
      <c r="AA18" s="1"/>
      <c r="AB18" s="1"/>
      <c r="BE18" s="1"/>
    </row>
    <row r="19" spans="21:57" x14ac:dyDescent="0.15">
      <c r="AA19" s="1"/>
      <c r="AB19" s="1"/>
      <c r="BE19" s="1"/>
    </row>
    <row r="20" spans="21:57" x14ac:dyDescent="0.15">
      <c r="AA20" s="1"/>
      <c r="AB20" s="1"/>
      <c r="BE20" s="1"/>
    </row>
    <row r="21" spans="21:57" x14ac:dyDescent="0.15">
      <c r="AA21" s="1"/>
      <c r="AB21" s="1"/>
      <c r="BE21" s="1"/>
    </row>
    <row r="22" spans="21:57" x14ac:dyDescent="0.15">
      <c r="AA22" s="1"/>
      <c r="AB22" s="1"/>
      <c r="BE22" s="1"/>
    </row>
    <row r="23" spans="21:57" x14ac:dyDescent="0.15">
      <c r="AA23" s="1"/>
      <c r="AB23" s="1"/>
      <c r="BE23" s="1"/>
    </row>
    <row r="24" spans="21:57" x14ac:dyDescent="0.15">
      <c r="AA24" s="1"/>
      <c r="AB24" s="1"/>
      <c r="BE24" s="1"/>
    </row>
    <row r="25" spans="21:57" x14ac:dyDescent="0.15">
      <c r="AA25" s="1"/>
      <c r="AB25" s="1"/>
      <c r="BE25" s="1"/>
    </row>
    <row r="26" spans="21:57" x14ac:dyDescent="0.15">
      <c r="AA26" s="1"/>
      <c r="AB26" s="1"/>
      <c r="BE26" s="1"/>
    </row>
    <row r="30" spans="21:57" x14ac:dyDescent="0.15">
      <c r="U30" s="1"/>
    </row>
    <row r="31" spans="21:57" x14ac:dyDescent="0.15">
      <c r="U31" s="1"/>
    </row>
    <row r="32" spans="21:57" x14ac:dyDescent="0.15">
      <c r="U32" s="1"/>
    </row>
    <row r="33" spans="21:21" x14ac:dyDescent="0.15">
      <c r="U33" s="1"/>
    </row>
    <row r="34" spans="21:21" x14ac:dyDescent="0.15">
      <c r="U34" s="1"/>
    </row>
    <row r="35" spans="21:21" x14ac:dyDescent="0.15">
      <c r="U35" s="1"/>
    </row>
    <row r="36" spans="21:21" x14ac:dyDescent="0.15">
      <c r="U36" s="1"/>
    </row>
    <row r="37" spans="21:21" x14ac:dyDescent="0.15">
      <c r="U37" s="1"/>
    </row>
    <row r="38" spans="21:21" x14ac:dyDescent="0.15">
      <c r="U38" s="1"/>
    </row>
    <row r="39" spans="21:21" x14ac:dyDescent="0.15">
      <c r="U39" s="1"/>
    </row>
    <row r="40" spans="21:21" x14ac:dyDescent="0.15">
      <c r="U40" s="1"/>
    </row>
    <row r="41" spans="21:21" x14ac:dyDescent="0.15">
      <c r="U41" s="1"/>
    </row>
    <row r="46" spans="21:21" x14ac:dyDescent="0.15">
      <c r="U46" s="1"/>
    </row>
    <row r="47" spans="21:21" x14ac:dyDescent="0.15">
      <c r="U47" s="1"/>
    </row>
    <row r="48" spans="21:21" x14ac:dyDescent="0.15">
      <c r="U48" s="1"/>
    </row>
    <row r="49" spans="21:21" x14ac:dyDescent="0.15">
      <c r="U49" s="1"/>
    </row>
    <row r="50" spans="21:21" x14ac:dyDescent="0.15">
      <c r="U50" s="1"/>
    </row>
    <row r="51" spans="21:21" x14ac:dyDescent="0.15">
      <c r="U51" s="1"/>
    </row>
    <row r="52" spans="21:21" x14ac:dyDescent="0.15">
      <c r="U52" s="1"/>
    </row>
    <row r="53" spans="21:21" x14ac:dyDescent="0.15">
      <c r="U53" s="1"/>
    </row>
    <row r="54" spans="21:21" x14ac:dyDescent="0.15">
      <c r="U54" s="1"/>
    </row>
    <row r="55" spans="21:21" x14ac:dyDescent="0.15">
      <c r="U55" s="1"/>
    </row>
    <row r="56" spans="21:21" x14ac:dyDescent="0.15">
      <c r="U56" s="1"/>
    </row>
    <row r="57" spans="21:21" x14ac:dyDescent="0.15">
      <c r="U57" s="1"/>
    </row>
    <row r="62" spans="21:21" x14ac:dyDescent="0.15">
      <c r="U62" s="1"/>
    </row>
    <row r="63" spans="21:21" x14ac:dyDescent="0.15">
      <c r="U63" s="1"/>
    </row>
    <row r="64" spans="21:21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3" spans="21:21" x14ac:dyDescent="0.15">
      <c r="U73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0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180</v>
      </c>
      <c r="C1" s="1" t="s">
        <v>1</v>
      </c>
      <c r="D1" s="1" t="s">
        <v>195</v>
      </c>
      <c r="E1" s="1" t="s">
        <v>2</v>
      </c>
      <c r="F1" s="1" t="s">
        <v>182</v>
      </c>
      <c r="G1" s="1" t="s">
        <v>3</v>
      </c>
      <c r="H1" s="1" t="s">
        <v>1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184</v>
      </c>
      <c r="V2" s="1" t="s">
        <v>133</v>
      </c>
      <c r="W2" s="1" t="s">
        <v>197</v>
      </c>
      <c r="X2" s="1" t="s">
        <v>134</v>
      </c>
      <c r="Y2" s="1" t="s">
        <v>135</v>
      </c>
      <c r="Z2" s="1" t="s">
        <v>136</v>
      </c>
      <c r="AA2" s="1" t="s">
        <v>228</v>
      </c>
      <c r="AB2" s="1" t="s">
        <v>230</v>
      </c>
      <c r="AC2" s="1" t="s">
        <v>137</v>
      </c>
      <c r="AD2" s="1" t="s">
        <v>138</v>
      </c>
      <c r="AE2" s="1" t="s">
        <v>198</v>
      </c>
      <c r="AF2" s="1" t="s">
        <v>139</v>
      </c>
      <c r="AG2" s="1" t="s">
        <v>140</v>
      </c>
      <c r="AH2" s="1" t="s">
        <v>141</v>
      </c>
      <c r="AI2" s="1" t="s">
        <v>142</v>
      </c>
      <c r="AJ2" s="1" t="s">
        <v>143</v>
      </c>
      <c r="AK2" s="1" t="s">
        <v>144</v>
      </c>
      <c r="AL2" s="1" t="s">
        <v>145</v>
      </c>
      <c r="AM2" s="1" t="s">
        <v>146</v>
      </c>
      <c r="AN2" s="1" t="s">
        <v>147</v>
      </c>
      <c r="AO2" s="1" t="s">
        <v>148</v>
      </c>
      <c r="AP2" t="s">
        <v>222</v>
      </c>
      <c r="AQ2" s="1" t="s">
        <v>149</v>
      </c>
      <c r="AR2" s="1" t="s">
        <v>150</v>
      </c>
      <c r="AS2" s="1" t="s">
        <v>151</v>
      </c>
      <c r="AT2" s="1" t="s">
        <v>208</v>
      </c>
      <c r="AU2" s="1" t="s">
        <v>152</v>
      </c>
      <c r="AV2" s="1" t="s">
        <v>153</v>
      </c>
      <c r="AW2" s="1" t="s">
        <v>154</v>
      </c>
      <c r="AX2" s="1" t="s">
        <v>155</v>
      </c>
      <c r="AY2" s="1" t="s">
        <v>156</v>
      </c>
      <c r="AZ2" s="1" t="s">
        <v>157</v>
      </c>
      <c r="BA2" s="1" t="s">
        <v>158</v>
      </c>
      <c r="BB2" s="1" t="s">
        <v>159</v>
      </c>
      <c r="BC2" s="1" t="s">
        <v>160</v>
      </c>
      <c r="BD2" s="1" t="s">
        <v>161</v>
      </c>
      <c r="BE2" s="1" t="s">
        <v>224</v>
      </c>
      <c r="BF2" s="1" t="s">
        <v>162</v>
      </c>
      <c r="BG2" s="1" t="s">
        <v>209</v>
      </c>
      <c r="BH2" s="1" t="s">
        <v>210</v>
      </c>
      <c r="BI2" s="1" t="s">
        <v>163</v>
      </c>
      <c r="BJ2" s="1" t="s">
        <v>164</v>
      </c>
      <c r="BK2" s="1" t="s">
        <v>165</v>
      </c>
      <c r="BL2" s="1" t="s">
        <v>166</v>
      </c>
      <c r="BM2" s="1" t="s">
        <v>167</v>
      </c>
      <c r="BN2" s="1" t="s">
        <v>168</v>
      </c>
      <c r="BO2" s="1" t="s">
        <v>169</v>
      </c>
      <c r="BP2" s="1" t="s">
        <v>170</v>
      </c>
      <c r="BQ2" s="1" t="s">
        <v>171</v>
      </c>
      <c r="BR2" s="1" t="s">
        <v>172</v>
      </c>
      <c r="BS2" s="1" t="s">
        <v>173</v>
      </c>
      <c r="BT2" s="1" t="s">
        <v>174</v>
      </c>
      <c r="BU2" s="1" t="s">
        <v>175</v>
      </c>
      <c r="BV2" s="1" t="s">
        <v>176</v>
      </c>
      <c r="BW2" s="1" t="s">
        <v>177</v>
      </c>
      <c r="BX2" s="1" t="s">
        <v>178</v>
      </c>
      <c r="BY2" s="1" t="s">
        <v>179</v>
      </c>
      <c r="BZ2" s="1" t="s">
        <v>216</v>
      </c>
    </row>
    <row r="3" spans="1:78" x14ac:dyDescent="0.15">
      <c r="A3" s="1" t="s">
        <v>185</v>
      </c>
      <c r="B3" s="1" t="s">
        <v>186</v>
      </c>
      <c r="C3" s="1"/>
      <c r="D3" s="1"/>
      <c r="E3" s="1"/>
      <c r="F3" s="1" t="s">
        <v>187</v>
      </c>
      <c r="G3" s="1" t="s">
        <v>187</v>
      </c>
      <c r="H3" s="1" t="s">
        <v>188</v>
      </c>
      <c r="I3" s="1" t="s">
        <v>24</v>
      </c>
      <c r="J3" s="1" t="s">
        <v>189</v>
      </c>
      <c r="K3" s="1" t="s">
        <v>189</v>
      </c>
      <c r="L3" s="1" t="s">
        <v>190</v>
      </c>
      <c r="M3" s="1" t="s">
        <v>1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19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217</v>
      </c>
      <c r="BP3" s="1" t="s">
        <v>25</v>
      </c>
      <c r="BQ3" s="1" t="s">
        <v>218</v>
      </c>
      <c r="BR3" s="1" t="s">
        <v>25</v>
      </c>
      <c r="BS3" s="1" t="s">
        <v>25</v>
      </c>
      <c r="BT3" s="1" t="s">
        <v>22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888888888888889</v>
      </c>
      <c r="C4" s="1" t="s">
        <v>191</v>
      </c>
      <c r="D4" s="1" t="s">
        <v>27</v>
      </c>
      <c r="E4" s="1" t="s">
        <v>192</v>
      </c>
      <c r="F4" s="1" t="s">
        <v>103</v>
      </c>
      <c r="G4" s="1" t="s">
        <v>104</v>
      </c>
      <c r="J4" s="1" t="s">
        <v>30</v>
      </c>
      <c r="K4" s="1" t="s">
        <v>105</v>
      </c>
      <c r="M4" s="1" t="s">
        <v>99</v>
      </c>
      <c r="N4" s="1" t="s">
        <v>33</v>
      </c>
      <c r="O4" s="1" t="s">
        <v>34</v>
      </c>
      <c r="P4" s="1" t="s">
        <v>35</v>
      </c>
      <c r="Q4" s="1" t="s">
        <v>50</v>
      </c>
      <c r="R4" s="1" t="s">
        <v>30</v>
      </c>
      <c r="S4" s="1" t="s">
        <v>106</v>
      </c>
      <c r="T4" s="1" t="s">
        <v>39</v>
      </c>
      <c r="U4" s="1">
        <v>10.3</v>
      </c>
      <c r="V4" s="3">
        <v>2</v>
      </c>
      <c r="W4" s="1"/>
      <c r="X4" s="1">
        <v>0.08</v>
      </c>
      <c r="Y4" s="1">
        <v>3.0000000000000001E-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201</v>
      </c>
      <c r="BC4" s="1" t="s">
        <v>211</v>
      </c>
      <c r="BD4" s="1" t="s">
        <v>212</v>
      </c>
      <c r="BE4" s="1"/>
      <c r="BF4" s="1"/>
      <c r="BG4" s="1"/>
      <c r="BH4" s="1"/>
      <c r="BI4" s="1"/>
      <c r="BJ4" s="1"/>
      <c r="BK4" s="1"/>
      <c r="BL4" s="1"/>
      <c r="BM4" s="1" t="s">
        <v>219</v>
      </c>
      <c r="BN4" s="1" t="s">
        <v>215</v>
      </c>
      <c r="BO4" s="1">
        <v>7</v>
      </c>
      <c r="BP4" s="1">
        <v>3.8</v>
      </c>
      <c r="BQ4" s="1"/>
      <c r="BR4" s="1"/>
      <c r="BS4" s="1"/>
      <c r="BT4" s="1">
        <v>3.6</v>
      </c>
      <c r="BU4" s="1"/>
      <c r="BV4" s="1"/>
      <c r="BW4" s="1"/>
      <c r="BX4" s="1"/>
      <c r="BY4" s="1"/>
      <c r="BZ4" s="1"/>
    </row>
    <row r="5" spans="1:78" x14ac:dyDescent="0.15">
      <c r="B5" s="2">
        <v>0.40277777777777773</v>
      </c>
      <c r="C5" s="1" t="s">
        <v>193</v>
      </c>
      <c r="D5" s="1" t="s">
        <v>27</v>
      </c>
      <c r="E5" s="1" t="s">
        <v>192</v>
      </c>
      <c r="G5" s="1" t="s">
        <v>64</v>
      </c>
      <c r="J5" s="1" t="s">
        <v>107</v>
      </c>
      <c r="N5" s="1" t="s">
        <v>33</v>
      </c>
      <c r="P5" s="1" t="s">
        <v>35</v>
      </c>
      <c r="Q5" s="1" t="s">
        <v>73</v>
      </c>
      <c r="R5" s="1" t="s">
        <v>108</v>
      </c>
      <c r="S5" s="1" t="s">
        <v>85</v>
      </c>
      <c r="T5" s="1" t="s">
        <v>39</v>
      </c>
      <c r="U5" s="1">
        <v>9</v>
      </c>
      <c r="V5" s="1"/>
      <c r="W5" s="1"/>
      <c r="X5" s="1">
        <v>0.2</v>
      </c>
      <c r="Y5" s="1">
        <v>3.0000000000000001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201</v>
      </c>
      <c r="BC5" s="1" t="s">
        <v>211</v>
      </c>
      <c r="BD5" s="1" t="s">
        <v>212</v>
      </c>
      <c r="BE5" s="1"/>
      <c r="BF5" s="1"/>
      <c r="BG5" s="1"/>
      <c r="BH5" s="1"/>
      <c r="BI5" s="1"/>
      <c r="BJ5" s="1"/>
      <c r="BK5" s="1"/>
      <c r="BL5" s="1"/>
      <c r="BM5" s="1" t="s">
        <v>219</v>
      </c>
      <c r="BN5" s="1" t="s">
        <v>215</v>
      </c>
      <c r="BO5" s="1">
        <v>7</v>
      </c>
      <c r="BP5" s="1">
        <v>3.8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4</v>
      </c>
      <c r="B6" s="2">
        <v>0.40972222222222227</v>
      </c>
      <c r="C6" s="1" t="s">
        <v>191</v>
      </c>
      <c r="D6" s="1" t="s">
        <v>59</v>
      </c>
      <c r="E6" s="1" t="s">
        <v>46</v>
      </c>
      <c r="F6" s="1" t="s">
        <v>109</v>
      </c>
      <c r="G6" s="1" t="s">
        <v>87</v>
      </c>
      <c r="J6" s="1" t="s">
        <v>30</v>
      </c>
      <c r="K6" s="1" t="s">
        <v>107</v>
      </c>
      <c r="M6" s="1" t="s">
        <v>54</v>
      </c>
      <c r="N6" s="1" t="s">
        <v>33</v>
      </c>
      <c r="O6" s="1" t="s">
        <v>34</v>
      </c>
      <c r="P6" s="1" t="s">
        <v>35</v>
      </c>
      <c r="Q6" s="1" t="s">
        <v>89</v>
      </c>
      <c r="R6" s="1" t="s">
        <v>30</v>
      </c>
      <c r="S6" s="1" t="s">
        <v>106</v>
      </c>
      <c r="T6" s="1" t="s">
        <v>39</v>
      </c>
      <c r="U6" s="1">
        <v>9.1999999999999993</v>
      </c>
      <c r="V6" s="3">
        <v>23</v>
      </c>
      <c r="W6" s="1"/>
      <c r="X6" s="1">
        <v>0.14000000000000001</v>
      </c>
      <c r="Y6" s="1">
        <v>4.0000000000000001E-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201</v>
      </c>
      <c r="BC6" s="1" t="s">
        <v>211</v>
      </c>
      <c r="BD6" s="1" t="s">
        <v>212</v>
      </c>
      <c r="BE6" s="1"/>
      <c r="BF6" s="1"/>
      <c r="BG6" s="1"/>
      <c r="BH6" s="1"/>
      <c r="BI6" s="1"/>
      <c r="BJ6" s="1"/>
      <c r="BK6" s="1"/>
      <c r="BL6" s="1"/>
      <c r="BM6" s="1" t="s">
        <v>219</v>
      </c>
      <c r="BN6" s="1" t="s">
        <v>215</v>
      </c>
      <c r="BO6" s="1">
        <v>6</v>
      </c>
      <c r="BP6" s="1">
        <v>3.8</v>
      </c>
      <c r="BQ6" s="1"/>
      <c r="BR6" s="1" t="s">
        <v>220</v>
      </c>
      <c r="BS6" s="1"/>
      <c r="BT6" s="1">
        <v>0.6</v>
      </c>
      <c r="BU6" s="1"/>
      <c r="BV6" s="1"/>
      <c r="BW6" s="1"/>
      <c r="BX6" s="1"/>
      <c r="BY6" s="1"/>
      <c r="BZ6" s="1"/>
    </row>
    <row r="7" spans="1:78" x14ac:dyDescent="0.15">
      <c r="B7" s="2">
        <v>0.42708333333333331</v>
      </c>
      <c r="C7" s="1" t="s">
        <v>193</v>
      </c>
      <c r="D7" s="1" t="s">
        <v>59</v>
      </c>
      <c r="E7" s="1" t="s">
        <v>46</v>
      </c>
      <c r="G7" s="1" t="s">
        <v>32</v>
      </c>
      <c r="J7" s="1" t="s">
        <v>110</v>
      </c>
      <c r="N7" s="1" t="s">
        <v>33</v>
      </c>
      <c r="P7" s="1" t="s">
        <v>35</v>
      </c>
      <c r="Q7" s="1" t="s">
        <v>69</v>
      </c>
      <c r="R7" s="1" t="s">
        <v>55</v>
      </c>
      <c r="S7" s="1" t="s">
        <v>92</v>
      </c>
      <c r="T7" s="1" t="s">
        <v>39</v>
      </c>
      <c r="U7" s="1">
        <v>6.8</v>
      </c>
      <c r="V7" s="1"/>
      <c r="W7" s="1"/>
      <c r="X7" s="1">
        <v>0.21</v>
      </c>
      <c r="Y7" s="1">
        <v>5.0000000000000001E-3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201</v>
      </c>
      <c r="BC7" s="1">
        <v>0.08</v>
      </c>
      <c r="BD7" s="1">
        <v>0.13</v>
      </c>
      <c r="BE7" s="1"/>
      <c r="BF7" s="1"/>
      <c r="BG7" s="1"/>
      <c r="BH7" s="1"/>
      <c r="BI7" s="1"/>
      <c r="BJ7" s="1"/>
      <c r="BK7" s="1"/>
      <c r="BL7" s="1"/>
      <c r="BM7" s="1" t="s">
        <v>219</v>
      </c>
      <c r="BN7" s="1" t="s">
        <v>215</v>
      </c>
      <c r="BO7" s="1">
        <v>7</v>
      </c>
      <c r="BP7" s="1">
        <v>3.9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42708333333333331</v>
      </c>
      <c r="C8" s="1" t="s">
        <v>235</v>
      </c>
      <c r="D8" s="1" t="s">
        <v>59</v>
      </c>
      <c r="E8" s="1" t="s">
        <v>46</v>
      </c>
      <c r="J8" s="1" t="s">
        <v>111</v>
      </c>
      <c r="N8" s="1" t="s">
        <v>33</v>
      </c>
      <c r="U8" s="1"/>
      <c r="V8" s="1"/>
      <c r="W8" s="1"/>
      <c r="X8" s="1"/>
      <c r="Y8" s="1"/>
      <c r="Z8" s="1"/>
      <c r="AA8" s="1"/>
      <c r="AB8" s="1"/>
      <c r="AC8" s="1" t="s">
        <v>200</v>
      </c>
      <c r="AD8" s="1" t="s">
        <v>201</v>
      </c>
      <c r="AE8" s="1" t="s">
        <v>202</v>
      </c>
      <c r="AF8" s="1" t="s">
        <v>203</v>
      </c>
      <c r="AG8" s="1" t="s">
        <v>202</v>
      </c>
      <c r="AH8" s="1" t="s">
        <v>202</v>
      </c>
      <c r="AI8" s="1"/>
      <c r="AJ8" s="1"/>
      <c r="AK8" s="1" t="s">
        <v>204</v>
      </c>
      <c r="AL8" s="1" t="s">
        <v>204</v>
      </c>
      <c r="AM8" s="1" t="s">
        <v>204</v>
      </c>
      <c r="AN8" s="1" t="s">
        <v>204</v>
      </c>
      <c r="AO8" s="1" t="s">
        <v>204</v>
      </c>
      <c r="AP8" t="s">
        <v>204</v>
      </c>
      <c r="AQ8" s="1" t="s">
        <v>204</v>
      </c>
      <c r="AR8" s="1" t="s">
        <v>204</v>
      </c>
      <c r="AS8" s="1" t="s">
        <v>204</v>
      </c>
      <c r="AT8" s="1" t="s">
        <v>213</v>
      </c>
      <c r="AU8" s="1" t="s">
        <v>202</v>
      </c>
      <c r="AV8" s="1" t="s">
        <v>200</v>
      </c>
      <c r="AW8" s="1" t="s">
        <v>200</v>
      </c>
      <c r="AX8" s="1" t="s">
        <v>204</v>
      </c>
      <c r="AY8" s="1" t="s">
        <v>202</v>
      </c>
      <c r="AZ8" s="1" t="s">
        <v>214</v>
      </c>
      <c r="BA8" s="1">
        <v>0.01</v>
      </c>
      <c r="BB8" s="1"/>
      <c r="BC8" s="1"/>
      <c r="BD8" s="1"/>
      <c r="BE8" s="1" t="s">
        <v>215</v>
      </c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58</v>
      </c>
      <c r="B9" s="2">
        <v>0.38541666666666669</v>
      </c>
      <c r="C9" s="1" t="s">
        <v>191</v>
      </c>
      <c r="D9" s="1" t="s">
        <v>59</v>
      </c>
      <c r="E9" s="1" t="s">
        <v>60</v>
      </c>
      <c r="F9" s="1" t="s">
        <v>112</v>
      </c>
      <c r="G9" s="1" t="s">
        <v>62</v>
      </c>
      <c r="J9" s="1" t="s">
        <v>30</v>
      </c>
      <c r="K9" s="1" t="s">
        <v>107</v>
      </c>
      <c r="M9" s="1" t="s">
        <v>99</v>
      </c>
      <c r="N9" s="1" t="s">
        <v>33</v>
      </c>
      <c r="O9" s="1" t="s">
        <v>34</v>
      </c>
      <c r="P9" s="1" t="s">
        <v>35</v>
      </c>
      <c r="Q9" s="1" t="s">
        <v>94</v>
      </c>
      <c r="R9" s="1" t="s">
        <v>55</v>
      </c>
      <c r="S9" s="1" t="s">
        <v>76</v>
      </c>
      <c r="T9" s="1" t="s">
        <v>56</v>
      </c>
      <c r="U9" s="1">
        <v>9.3000000000000007</v>
      </c>
      <c r="V9" s="3">
        <v>13</v>
      </c>
      <c r="W9" s="1"/>
      <c r="X9" s="1">
        <v>0.13</v>
      </c>
      <c r="Y9" s="1">
        <v>3.0000000000000001E-3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201</v>
      </c>
      <c r="BC9" s="1" t="s">
        <v>211</v>
      </c>
      <c r="BD9" s="1" t="s">
        <v>212</v>
      </c>
      <c r="BE9" s="1"/>
      <c r="BF9" s="1"/>
      <c r="BG9" s="1"/>
      <c r="BH9" s="1"/>
      <c r="BI9" s="1"/>
      <c r="BJ9" s="1"/>
      <c r="BK9" s="1"/>
      <c r="BL9" s="1"/>
      <c r="BM9" s="1" t="s">
        <v>219</v>
      </c>
      <c r="BN9" s="1" t="s">
        <v>215</v>
      </c>
      <c r="BO9" s="1">
        <v>7</v>
      </c>
      <c r="BP9" s="1">
        <v>4</v>
      </c>
      <c r="BQ9" s="1"/>
      <c r="BR9" s="1"/>
      <c r="BS9" s="1"/>
      <c r="BT9" s="1">
        <v>3.7</v>
      </c>
      <c r="BU9" s="1"/>
      <c r="BV9" s="1"/>
      <c r="BW9" s="1"/>
      <c r="BX9" s="1"/>
      <c r="BY9" s="1"/>
      <c r="BZ9" s="1"/>
    </row>
    <row r="10" spans="1:78" x14ac:dyDescent="0.15">
      <c r="B10" s="2">
        <v>0.39930555555555558</v>
      </c>
      <c r="C10" s="1" t="s">
        <v>193</v>
      </c>
      <c r="D10" s="1" t="s">
        <v>59</v>
      </c>
      <c r="E10" s="1" t="s">
        <v>60</v>
      </c>
      <c r="G10" s="1" t="s">
        <v>113</v>
      </c>
      <c r="J10" s="1" t="s">
        <v>110</v>
      </c>
      <c r="N10" s="1" t="s">
        <v>33</v>
      </c>
      <c r="P10" s="1" t="s">
        <v>35</v>
      </c>
      <c r="Q10" s="1" t="s">
        <v>53</v>
      </c>
      <c r="R10" s="1" t="s">
        <v>30</v>
      </c>
      <c r="S10" s="1" t="s">
        <v>85</v>
      </c>
      <c r="T10" s="1" t="s">
        <v>56</v>
      </c>
      <c r="U10" s="1">
        <v>2.9</v>
      </c>
      <c r="V10" s="1"/>
      <c r="W10" s="1"/>
      <c r="X10" s="1">
        <v>0.2</v>
      </c>
      <c r="Y10" s="1">
        <v>4.0000000000000001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201</v>
      </c>
      <c r="BC10" s="1">
        <v>0.11</v>
      </c>
      <c r="BD10" s="1">
        <v>0.16</v>
      </c>
      <c r="BE10" s="1"/>
      <c r="BF10" s="1"/>
      <c r="BG10" s="1"/>
      <c r="BH10" s="1"/>
      <c r="BI10" s="1"/>
      <c r="BJ10" s="1"/>
      <c r="BK10" s="1"/>
      <c r="BL10" s="1"/>
      <c r="BM10" s="1" t="s">
        <v>219</v>
      </c>
      <c r="BN10" s="1" t="s">
        <v>215</v>
      </c>
      <c r="BO10" s="1">
        <v>7</v>
      </c>
      <c r="BP10" s="1">
        <v>4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39930555555555558</v>
      </c>
      <c r="C11" s="1" t="s">
        <v>235</v>
      </c>
      <c r="D11" s="1" t="s">
        <v>59</v>
      </c>
      <c r="E11" s="1" t="s">
        <v>60</v>
      </c>
      <c r="J11" s="1" t="s">
        <v>111</v>
      </c>
      <c r="N11" s="1" t="s">
        <v>33</v>
      </c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71</v>
      </c>
      <c r="B12" s="2">
        <v>0.39583333333333331</v>
      </c>
      <c r="C12" s="1" t="s">
        <v>191</v>
      </c>
      <c r="D12" s="1" t="s">
        <v>59</v>
      </c>
      <c r="E12" s="1" t="s">
        <v>192</v>
      </c>
      <c r="F12" s="1" t="s">
        <v>114</v>
      </c>
      <c r="G12" s="1" t="s">
        <v>54</v>
      </c>
      <c r="J12" s="1" t="s">
        <v>30</v>
      </c>
      <c r="K12" s="1" t="s">
        <v>115</v>
      </c>
      <c r="M12" s="1" t="s">
        <v>49</v>
      </c>
      <c r="N12" s="1" t="s">
        <v>33</v>
      </c>
      <c r="O12" s="1" t="s">
        <v>34</v>
      </c>
      <c r="P12" s="1" t="s">
        <v>35</v>
      </c>
      <c r="Q12" s="1" t="s">
        <v>73</v>
      </c>
      <c r="R12" s="1" t="s">
        <v>55</v>
      </c>
      <c r="S12" s="1" t="s">
        <v>78</v>
      </c>
      <c r="T12" s="1" t="s">
        <v>39</v>
      </c>
      <c r="U12" s="1">
        <v>10.3</v>
      </c>
      <c r="V12" s="3">
        <v>4</v>
      </c>
      <c r="W12" s="1"/>
      <c r="X12" s="1">
        <v>0.14000000000000001</v>
      </c>
      <c r="Y12" s="1" t="s">
        <v>206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201</v>
      </c>
      <c r="BC12" s="1" t="s">
        <v>211</v>
      </c>
      <c r="BD12" s="1" t="s">
        <v>212</v>
      </c>
      <c r="BE12" s="1"/>
      <c r="BF12" s="1"/>
      <c r="BG12" s="1"/>
      <c r="BH12" s="1"/>
      <c r="BI12" s="1"/>
      <c r="BJ12" s="1"/>
      <c r="BK12" s="1"/>
      <c r="BL12" s="1"/>
      <c r="BM12" s="1" t="s">
        <v>219</v>
      </c>
      <c r="BN12" s="1" t="s">
        <v>215</v>
      </c>
      <c r="BO12" s="1">
        <v>7</v>
      </c>
      <c r="BP12" s="1">
        <v>3.9</v>
      </c>
      <c r="BQ12" s="1"/>
      <c r="BR12" s="1"/>
      <c r="BS12" s="1"/>
      <c r="BT12" s="1">
        <v>1.7</v>
      </c>
      <c r="BU12" s="1"/>
      <c r="BV12" s="1"/>
      <c r="BW12" s="1"/>
      <c r="BX12" s="1"/>
      <c r="BY12" s="1"/>
      <c r="BZ12" s="1"/>
    </row>
    <row r="13" spans="1:78" x14ac:dyDescent="0.15">
      <c r="B13" s="2">
        <v>0.40972222222222227</v>
      </c>
      <c r="C13" s="1" t="s">
        <v>193</v>
      </c>
      <c r="D13" s="1" t="s">
        <v>59</v>
      </c>
      <c r="E13" s="1" t="s">
        <v>192</v>
      </c>
      <c r="G13" s="1" t="s">
        <v>95</v>
      </c>
      <c r="J13" s="1" t="s">
        <v>116</v>
      </c>
      <c r="N13" s="1" t="s">
        <v>33</v>
      </c>
      <c r="P13" s="1" t="s">
        <v>35</v>
      </c>
      <c r="Q13" s="1" t="s">
        <v>73</v>
      </c>
      <c r="R13" s="1" t="s">
        <v>51</v>
      </c>
      <c r="S13" s="1" t="s">
        <v>117</v>
      </c>
      <c r="T13" s="1" t="s">
        <v>39</v>
      </c>
      <c r="U13" s="1">
        <v>9.8000000000000007</v>
      </c>
      <c r="V13" s="1"/>
      <c r="W13" s="1"/>
      <c r="X13" s="1">
        <v>0.15</v>
      </c>
      <c r="Y13" s="1" t="s">
        <v>206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201</v>
      </c>
      <c r="BC13" s="1" t="s">
        <v>211</v>
      </c>
      <c r="BD13" s="1" t="s">
        <v>212</v>
      </c>
      <c r="BE13" s="1"/>
      <c r="BF13" s="1"/>
      <c r="BG13" s="1"/>
      <c r="BH13" s="1"/>
      <c r="BI13" s="1"/>
      <c r="BJ13" s="1"/>
      <c r="BK13" s="1"/>
      <c r="BL13" s="1"/>
      <c r="BM13" s="1" t="s">
        <v>219</v>
      </c>
      <c r="BN13" s="1" t="s">
        <v>215</v>
      </c>
      <c r="BO13" s="1">
        <v>7</v>
      </c>
      <c r="BP13" s="1">
        <v>3.9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40972222222222227</v>
      </c>
      <c r="C14" s="1" t="s">
        <v>235</v>
      </c>
      <c r="D14" s="1" t="s">
        <v>59</v>
      </c>
      <c r="E14" s="1" t="s">
        <v>192</v>
      </c>
      <c r="J14" s="1" t="s">
        <v>118</v>
      </c>
      <c r="N14" s="1" t="s">
        <v>33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48" spans="21:21" x14ac:dyDescent="0.15">
      <c r="U48" s="1"/>
    </row>
    <row r="49" spans="21:21" x14ac:dyDescent="0.15">
      <c r="U49" s="1"/>
    </row>
    <row r="50" spans="21:21" x14ac:dyDescent="0.15">
      <c r="U50" s="1"/>
    </row>
    <row r="51" spans="21:21" x14ac:dyDescent="0.15">
      <c r="U51" s="1"/>
    </row>
    <row r="52" spans="21:21" x14ac:dyDescent="0.15">
      <c r="U52" s="1"/>
    </row>
    <row r="53" spans="21:21" x14ac:dyDescent="0.15">
      <c r="U53" s="1"/>
    </row>
    <row r="54" spans="21:21" x14ac:dyDescent="0.15">
      <c r="U54" s="1"/>
    </row>
    <row r="55" spans="21:21" x14ac:dyDescent="0.15">
      <c r="U55" s="1"/>
    </row>
    <row r="56" spans="21:21" x14ac:dyDescent="0.15">
      <c r="U56" s="1"/>
    </row>
    <row r="57" spans="21:21" x14ac:dyDescent="0.15">
      <c r="U57" s="1"/>
    </row>
    <row r="58" spans="21:21" x14ac:dyDescent="0.15">
      <c r="U58" s="1"/>
    </row>
    <row r="59" spans="21:21" x14ac:dyDescent="0.15">
      <c r="U59" s="1"/>
    </row>
    <row r="64" spans="21:21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1" spans="21:21" x14ac:dyDescent="0.15">
      <c r="U71" s="1"/>
    </row>
    <row r="72" spans="21:21" x14ac:dyDescent="0.15">
      <c r="U72" s="1"/>
    </row>
    <row r="73" spans="21:21" x14ac:dyDescent="0.15">
      <c r="U73" s="1"/>
    </row>
    <row r="74" spans="21:21" x14ac:dyDescent="0.15">
      <c r="U74" s="1"/>
    </row>
    <row r="75" spans="21:21" x14ac:dyDescent="0.15">
      <c r="U75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0" spans="21:21" x14ac:dyDescent="0.15">
      <c r="U90" s="1"/>
    </row>
    <row r="91" spans="21:21" x14ac:dyDescent="0.15">
      <c r="U91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42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180</v>
      </c>
      <c r="C1" s="1" t="s">
        <v>1</v>
      </c>
      <c r="D1" s="1" t="s">
        <v>196</v>
      </c>
      <c r="E1" s="1" t="s">
        <v>2</v>
      </c>
      <c r="F1" s="1" t="s">
        <v>182</v>
      </c>
      <c r="G1" s="1" t="s">
        <v>3</v>
      </c>
      <c r="H1" s="1" t="s">
        <v>1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184</v>
      </c>
      <c r="V2" s="1" t="s">
        <v>133</v>
      </c>
      <c r="W2" s="1" t="s">
        <v>197</v>
      </c>
      <c r="X2" s="1" t="s">
        <v>134</v>
      </c>
      <c r="Y2" s="1" t="s">
        <v>135</v>
      </c>
      <c r="Z2" s="1" t="s">
        <v>136</v>
      </c>
      <c r="AA2" s="1" t="s">
        <v>227</v>
      </c>
      <c r="AB2" s="1" t="s">
        <v>230</v>
      </c>
      <c r="AC2" s="1" t="s">
        <v>137</v>
      </c>
      <c r="AD2" s="1" t="s">
        <v>138</v>
      </c>
      <c r="AE2" s="1" t="s">
        <v>198</v>
      </c>
      <c r="AF2" s="1" t="s">
        <v>139</v>
      </c>
      <c r="AG2" s="1" t="s">
        <v>140</v>
      </c>
      <c r="AH2" s="1" t="s">
        <v>141</v>
      </c>
      <c r="AI2" s="1" t="s">
        <v>142</v>
      </c>
      <c r="AJ2" s="1" t="s">
        <v>143</v>
      </c>
      <c r="AK2" s="1" t="s">
        <v>144</v>
      </c>
      <c r="AL2" s="1" t="s">
        <v>145</v>
      </c>
      <c r="AM2" s="1" t="s">
        <v>146</v>
      </c>
      <c r="AN2" s="1" t="s">
        <v>147</v>
      </c>
      <c r="AO2" s="1" t="s">
        <v>148</v>
      </c>
      <c r="AP2" t="s">
        <v>222</v>
      </c>
      <c r="AQ2" s="1" t="s">
        <v>149</v>
      </c>
      <c r="AR2" s="1" t="s">
        <v>150</v>
      </c>
      <c r="AS2" s="1" t="s">
        <v>151</v>
      </c>
      <c r="AT2" s="1" t="s">
        <v>208</v>
      </c>
      <c r="AU2" s="1" t="s">
        <v>152</v>
      </c>
      <c r="AV2" s="1" t="s">
        <v>153</v>
      </c>
      <c r="AW2" s="1" t="s">
        <v>154</v>
      </c>
      <c r="AX2" s="1" t="s">
        <v>155</v>
      </c>
      <c r="AY2" s="1" t="s">
        <v>156</v>
      </c>
      <c r="AZ2" s="1" t="s">
        <v>157</v>
      </c>
      <c r="BA2" s="1" t="s">
        <v>158</v>
      </c>
      <c r="BB2" s="1" t="s">
        <v>159</v>
      </c>
      <c r="BC2" s="1" t="s">
        <v>160</v>
      </c>
      <c r="BD2" s="1" t="s">
        <v>161</v>
      </c>
      <c r="BE2" s="1" t="s">
        <v>225</v>
      </c>
      <c r="BF2" s="1" t="s">
        <v>162</v>
      </c>
      <c r="BG2" s="1" t="s">
        <v>209</v>
      </c>
      <c r="BH2" s="1" t="s">
        <v>210</v>
      </c>
      <c r="BI2" s="1" t="s">
        <v>163</v>
      </c>
      <c r="BJ2" s="1" t="s">
        <v>164</v>
      </c>
      <c r="BK2" s="1" t="s">
        <v>165</v>
      </c>
      <c r="BL2" s="1" t="s">
        <v>166</v>
      </c>
      <c r="BM2" s="1" t="s">
        <v>167</v>
      </c>
      <c r="BN2" s="1" t="s">
        <v>168</v>
      </c>
      <c r="BO2" s="1" t="s">
        <v>169</v>
      </c>
      <c r="BP2" s="1" t="s">
        <v>170</v>
      </c>
      <c r="BQ2" s="1" t="s">
        <v>171</v>
      </c>
      <c r="BR2" s="1" t="s">
        <v>172</v>
      </c>
      <c r="BS2" s="1" t="s">
        <v>173</v>
      </c>
      <c r="BT2" s="1" t="s">
        <v>174</v>
      </c>
      <c r="BU2" s="1" t="s">
        <v>175</v>
      </c>
      <c r="BV2" s="1" t="s">
        <v>176</v>
      </c>
      <c r="BW2" s="1" t="s">
        <v>177</v>
      </c>
      <c r="BX2" s="1" t="s">
        <v>178</v>
      </c>
      <c r="BY2" s="1" t="s">
        <v>179</v>
      </c>
      <c r="BZ2" s="1" t="s">
        <v>216</v>
      </c>
    </row>
    <row r="3" spans="1:78" x14ac:dyDescent="0.15">
      <c r="A3" s="1" t="s">
        <v>185</v>
      </c>
      <c r="B3" s="1" t="s">
        <v>186</v>
      </c>
      <c r="C3" s="1"/>
      <c r="D3" s="1"/>
      <c r="E3" s="1"/>
      <c r="F3" s="1" t="s">
        <v>187</v>
      </c>
      <c r="G3" s="1" t="s">
        <v>187</v>
      </c>
      <c r="H3" s="1" t="s">
        <v>188</v>
      </c>
      <c r="I3" s="1" t="s">
        <v>24</v>
      </c>
      <c r="J3" s="1" t="s">
        <v>189</v>
      </c>
      <c r="K3" s="1" t="s">
        <v>189</v>
      </c>
      <c r="L3" s="1" t="s">
        <v>190</v>
      </c>
      <c r="M3" s="1" t="s">
        <v>1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19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217</v>
      </c>
      <c r="BP3" s="1" t="s">
        <v>25</v>
      </c>
      <c r="BQ3" s="1" t="s">
        <v>218</v>
      </c>
      <c r="BR3" s="1" t="s">
        <v>25</v>
      </c>
      <c r="BS3" s="1" t="s">
        <v>25</v>
      </c>
      <c r="BT3" s="1" t="s">
        <v>22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5069444444444442</v>
      </c>
      <c r="C4" s="1" t="s">
        <v>191</v>
      </c>
      <c r="D4" s="1" t="s">
        <v>27</v>
      </c>
      <c r="E4" s="1" t="s">
        <v>192</v>
      </c>
      <c r="F4" s="1" t="s">
        <v>119</v>
      </c>
      <c r="G4" s="1" t="s">
        <v>120</v>
      </c>
      <c r="J4" s="1" t="s">
        <v>30</v>
      </c>
      <c r="K4" s="1" t="s">
        <v>121</v>
      </c>
      <c r="M4" s="1" t="s">
        <v>64</v>
      </c>
      <c r="N4" s="1" t="s">
        <v>33</v>
      </c>
      <c r="O4" s="1" t="s">
        <v>34</v>
      </c>
      <c r="P4" s="1" t="s">
        <v>35</v>
      </c>
      <c r="Q4" s="1" t="s">
        <v>50</v>
      </c>
      <c r="R4" s="1" t="s">
        <v>30</v>
      </c>
      <c r="S4" s="1" t="s">
        <v>92</v>
      </c>
      <c r="T4" s="1" t="s">
        <v>39</v>
      </c>
      <c r="U4" s="1">
        <v>10.199999999999999</v>
      </c>
      <c r="V4" s="3">
        <v>23</v>
      </c>
      <c r="W4" s="1"/>
      <c r="X4" s="1">
        <v>0.1</v>
      </c>
      <c r="Y4" s="1">
        <v>3.0000000000000001E-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201</v>
      </c>
      <c r="BC4" s="1" t="s">
        <v>211</v>
      </c>
      <c r="BD4" s="1" t="s">
        <v>212</v>
      </c>
      <c r="BE4" s="1"/>
      <c r="BF4" s="1"/>
      <c r="BG4" s="1"/>
      <c r="BH4" s="1"/>
      <c r="BI4" s="1"/>
      <c r="BJ4" s="1"/>
      <c r="BK4" s="1"/>
      <c r="BL4" s="1"/>
      <c r="BM4" s="1" t="s">
        <v>219</v>
      </c>
      <c r="BN4" s="1" t="s">
        <v>215</v>
      </c>
      <c r="BO4" s="1">
        <v>7</v>
      </c>
      <c r="BP4" s="1">
        <v>3.7</v>
      </c>
      <c r="BQ4" s="1"/>
      <c r="BR4" s="1"/>
      <c r="BS4" s="1"/>
      <c r="BT4" s="1">
        <v>2.7</v>
      </c>
      <c r="BU4" s="1"/>
      <c r="BV4" s="1"/>
      <c r="BW4" s="1"/>
      <c r="BX4" s="1"/>
      <c r="BY4" s="1"/>
      <c r="BZ4" s="1"/>
    </row>
    <row r="5" spans="1:78" x14ac:dyDescent="0.15">
      <c r="B5" s="2">
        <v>0.36805555555555558</v>
      </c>
      <c r="C5" s="1" t="s">
        <v>193</v>
      </c>
      <c r="D5" s="1" t="s">
        <v>27</v>
      </c>
      <c r="E5" s="1" t="s">
        <v>192</v>
      </c>
      <c r="G5" s="1" t="s">
        <v>54</v>
      </c>
      <c r="J5" s="1" t="s">
        <v>122</v>
      </c>
      <c r="N5" s="1" t="s">
        <v>33</v>
      </c>
      <c r="P5" s="1" t="s">
        <v>35</v>
      </c>
      <c r="Q5" s="1" t="s">
        <v>42</v>
      </c>
      <c r="R5" s="1" t="s">
        <v>51</v>
      </c>
      <c r="S5" s="1" t="s">
        <v>123</v>
      </c>
      <c r="T5" s="1" t="s">
        <v>39</v>
      </c>
      <c r="U5" s="1">
        <v>10</v>
      </c>
      <c r="V5" s="1"/>
      <c r="W5" s="1"/>
      <c r="X5" s="1">
        <v>0.16</v>
      </c>
      <c r="Y5" s="1">
        <v>4.0000000000000001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201</v>
      </c>
      <c r="BC5" s="1" t="s">
        <v>211</v>
      </c>
      <c r="BD5" s="1" t="s">
        <v>212</v>
      </c>
      <c r="BE5" s="1"/>
      <c r="BF5" s="1"/>
      <c r="BG5" s="1"/>
      <c r="BH5" s="1"/>
      <c r="BI5" s="1"/>
      <c r="BJ5" s="1"/>
      <c r="BK5" s="1"/>
      <c r="BL5" s="1"/>
      <c r="BM5" s="1" t="s">
        <v>219</v>
      </c>
      <c r="BN5" s="1" t="s">
        <v>215</v>
      </c>
      <c r="BO5" s="1">
        <v>7</v>
      </c>
      <c r="BP5" s="1">
        <v>3.7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4</v>
      </c>
      <c r="B6" s="2">
        <v>0.37152777777777773</v>
      </c>
      <c r="C6" s="1" t="s">
        <v>191</v>
      </c>
      <c r="D6" s="1" t="s">
        <v>59</v>
      </c>
      <c r="E6" s="1" t="s">
        <v>46</v>
      </c>
      <c r="F6" s="1" t="s">
        <v>124</v>
      </c>
      <c r="G6" s="1" t="s">
        <v>125</v>
      </c>
      <c r="J6" s="1" t="s">
        <v>30</v>
      </c>
      <c r="K6" s="1" t="s">
        <v>74</v>
      </c>
      <c r="M6" s="1" t="s">
        <v>65</v>
      </c>
      <c r="N6" s="1" t="s">
        <v>33</v>
      </c>
      <c r="O6" s="1" t="s">
        <v>34</v>
      </c>
      <c r="P6" s="1" t="s">
        <v>35</v>
      </c>
      <c r="Q6" s="1" t="s">
        <v>89</v>
      </c>
      <c r="R6" s="1" t="s">
        <v>51</v>
      </c>
      <c r="S6" s="1" t="s">
        <v>52</v>
      </c>
      <c r="T6" s="1" t="s">
        <v>39</v>
      </c>
      <c r="U6" s="1">
        <v>9.1</v>
      </c>
      <c r="V6" s="3">
        <v>130</v>
      </c>
      <c r="W6" s="1"/>
      <c r="X6" s="1">
        <v>0.12</v>
      </c>
      <c r="Y6" s="1">
        <v>5.0000000000000001E-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201</v>
      </c>
      <c r="BC6" s="1" t="s">
        <v>211</v>
      </c>
      <c r="BD6" s="1" t="s">
        <v>212</v>
      </c>
      <c r="BE6" s="1"/>
      <c r="BF6" s="1"/>
      <c r="BG6" s="1"/>
      <c r="BH6" s="1"/>
      <c r="BI6" s="1"/>
      <c r="BJ6" s="1"/>
      <c r="BK6" s="1"/>
      <c r="BL6" s="1"/>
      <c r="BM6" s="1" t="s">
        <v>219</v>
      </c>
      <c r="BN6" s="1" t="s">
        <v>215</v>
      </c>
      <c r="BO6" s="1">
        <v>6</v>
      </c>
      <c r="BP6" s="1">
        <v>3.8</v>
      </c>
      <c r="BQ6" s="1"/>
      <c r="BR6" s="1" t="s">
        <v>220</v>
      </c>
      <c r="BS6" s="1"/>
      <c r="BT6" s="1">
        <v>1.3</v>
      </c>
      <c r="BU6" s="1"/>
      <c r="BV6" s="1"/>
      <c r="BW6" s="1"/>
      <c r="BX6" s="1"/>
      <c r="BY6" s="1"/>
      <c r="BZ6" s="1"/>
    </row>
    <row r="7" spans="1:78" x14ac:dyDescent="0.15">
      <c r="B7" s="2">
        <v>0.3888888888888889</v>
      </c>
      <c r="C7" s="1" t="s">
        <v>193</v>
      </c>
      <c r="D7" s="1" t="s">
        <v>59</v>
      </c>
      <c r="E7" s="1" t="s">
        <v>46</v>
      </c>
      <c r="G7" s="1" t="s">
        <v>49</v>
      </c>
      <c r="J7" s="1" t="s">
        <v>77</v>
      </c>
      <c r="N7" s="1" t="s">
        <v>33</v>
      </c>
      <c r="P7" s="1" t="s">
        <v>35</v>
      </c>
      <c r="Q7" s="1" t="s">
        <v>54</v>
      </c>
      <c r="R7" s="1" t="s">
        <v>55</v>
      </c>
      <c r="S7" s="1" t="s">
        <v>106</v>
      </c>
      <c r="T7" s="1" t="s">
        <v>39</v>
      </c>
      <c r="U7" s="1">
        <v>7.5</v>
      </c>
      <c r="V7" s="1"/>
      <c r="W7" s="1"/>
      <c r="X7" s="1">
        <v>0.17</v>
      </c>
      <c r="Y7" s="1">
        <v>6.0000000000000001E-3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201</v>
      </c>
      <c r="BC7" s="1" t="s">
        <v>211</v>
      </c>
      <c r="BD7" s="1" t="s">
        <v>212</v>
      </c>
      <c r="BE7" s="1"/>
      <c r="BF7" s="1"/>
      <c r="BG7" s="1"/>
      <c r="BH7" s="1"/>
      <c r="BI7" s="1"/>
      <c r="BJ7" s="1"/>
      <c r="BK7" s="1"/>
      <c r="BL7" s="1"/>
      <c r="BM7" s="1" t="s">
        <v>219</v>
      </c>
      <c r="BN7" s="1" t="s">
        <v>215</v>
      </c>
      <c r="BO7" s="1">
        <v>7</v>
      </c>
      <c r="BP7" s="1">
        <v>3.8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3888888888888889</v>
      </c>
      <c r="C8" s="1" t="s">
        <v>235</v>
      </c>
      <c r="D8" s="1" t="s">
        <v>59</v>
      </c>
      <c r="E8" s="1" t="s">
        <v>46</v>
      </c>
      <c r="J8" s="1" t="s">
        <v>79</v>
      </c>
      <c r="N8" s="1" t="s">
        <v>33</v>
      </c>
      <c r="U8" s="1"/>
      <c r="V8" s="1"/>
      <c r="W8" s="1"/>
      <c r="X8" s="1"/>
      <c r="Y8" s="1"/>
      <c r="Z8" s="1"/>
      <c r="AA8" s="1"/>
      <c r="AB8" s="1"/>
      <c r="AC8" s="1" t="s">
        <v>200</v>
      </c>
      <c r="AD8" s="1" t="s">
        <v>201</v>
      </c>
      <c r="AE8" s="1" t="s">
        <v>202</v>
      </c>
      <c r="AF8" s="1" t="s">
        <v>203</v>
      </c>
      <c r="AG8" s="1" t="s">
        <v>202</v>
      </c>
      <c r="AH8" s="1" t="s">
        <v>202</v>
      </c>
      <c r="AI8" s="1"/>
      <c r="AJ8" s="1"/>
      <c r="AK8" s="1" t="s">
        <v>204</v>
      </c>
      <c r="AL8" s="1" t="s">
        <v>204</v>
      </c>
      <c r="AM8" s="1" t="s">
        <v>204</v>
      </c>
      <c r="AN8" s="1" t="s">
        <v>204</v>
      </c>
      <c r="AO8" s="1" t="s">
        <v>204</v>
      </c>
      <c r="AP8" t="s">
        <v>204</v>
      </c>
      <c r="AQ8" s="1" t="s">
        <v>204</v>
      </c>
      <c r="AR8" s="1" t="s">
        <v>204</v>
      </c>
      <c r="AS8" s="1" t="s">
        <v>204</v>
      </c>
      <c r="AT8" s="1" t="s">
        <v>213</v>
      </c>
      <c r="AU8" s="1" t="s">
        <v>202</v>
      </c>
      <c r="AV8" s="1" t="s">
        <v>200</v>
      </c>
      <c r="AW8" s="1" t="s">
        <v>200</v>
      </c>
      <c r="AX8" s="1" t="s">
        <v>204</v>
      </c>
      <c r="AY8" s="1" t="s">
        <v>202</v>
      </c>
      <c r="AZ8" s="1" t="s">
        <v>214</v>
      </c>
      <c r="BA8" s="1">
        <v>0.01</v>
      </c>
      <c r="BB8" s="1"/>
      <c r="BC8" s="1"/>
      <c r="BD8" s="1"/>
      <c r="BE8" s="1" t="s">
        <v>215</v>
      </c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58</v>
      </c>
      <c r="B9" s="2">
        <v>0.35416666666666669</v>
      </c>
      <c r="C9" s="1" t="s">
        <v>191</v>
      </c>
      <c r="D9" s="1" t="s">
        <v>59</v>
      </c>
      <c r="E9" s="1" t="s">
        <v>60</v>
      </c>
      <c r="F9" s="1" t="s">
        <v>126</v>
      </c>
      <c r="G9" s="1" t="s">
        <v>127</v>
      </c>
      <c r="J9" s="1" t="s">
        <v>30</v>
      </c>
      <c r="K9" s="1" t="s">
        <v>128</v>
      </c>
      <c r="M9" s="1" t="s">
        <v>64</v>
      </c>
      <c r="N9" s="1" t="s">
        <v>33</v>
      </c>
      <c r="O9" s="1" t="s">
        <v>34</v>
      </c>
      <c r="P9" s="1" t="s">
        <v>35</v>
      </c>
      <c r="Q9" s="1" t="s">
        <v>94</v>
      </c>
      <c r="R9" s="1" t="s">
        <v>55</v>
      </c>
      <c r="S9" s="1" t="s">
        <v>78</v>
      </c>
      <c r="T9" s="1" t="s">
        <v>56</v>
      </c>
      <c r="U9" s="1">
        <v>9.1</v>
      </c>
      <c r="V9" s="3">
        <v>23</v>
      </c>
      <c r="W9" s="1"/>
      <c r="X9" s="1">
        <v>0.13</v>
      </c>
      <c r="Y9" s="1">
        <v>5.0000000000000001E-3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201</v>
      </c>
      <c r="BC9" s="1" t="s">
        <v>211</v>
      </c>
      <c r="BD9" s="1" t="s">
        <v>212</v>
      </c>
      <c r="BE9" s="1"/>
      <c r="BF9" s="1"/>
      <c r="BG9" s="1"/>
      <c r="BH9" s="1"/>
      <c r="BI9" s="1"/>
      <c r="BJ9" s="1"/>
      <c r="BK9" s="1"/>
      <c r="BL9" s="1"/>
      <c r="BM9" s="1" t="s">
        <v>219</v>
      </c>
      <c r="BN9" s="1" t="s">
        <v>215</v>
      </c>
      <c r="BO9" s="1">
        <v>7</v>
      </c>
      <c r="BP9" s="1">
        <v>4</v>
      </c>
      <c r="BQ9" s="1"/>
      <c r="BR9" s="1"/>
      <c r="BS9" s="1"/>
      <c r="BT9" s="1">
        <v>2.9</v>
      </c>
      <c r="BU9" s="1"/>
      <c r="BV9" s="1"/>
      <c r="BW9" s="1"/>
      <c r="BX9" s="1"/>
      <c r="BY9" s="1"/>
      <c r="BZ9" s="1"/>
    </row>
    <row r="10" spans="1:78" x14ac:dyDescent="0.15">
      <c r="B10" s="2">
        <v>0.37152777777777773</v>
      </c>
      <c r="C10" s="1" t="s">
        <v>193</v>
      </c>
      <c r="D10" s="1" t="s">
        <v>59</v>
      </c>
      <c r="E10" s="1" t="s">
        <v>60</v>
      </c>
      <c r="G10" s="1" t="s">
        <v>65</v>
      </c>
      <c r="J10" s="1" t="s">
        <v>129</v>
      </c>
      <c r="N10" s="1" t="s">
        <v>33</v>
      </c>
      <c r="P10" s="1" t="s">
        <v>35</v>
      </c>
      <c r="Q10" s="1" t="s">
        <v>53</v>
      </c>
      <c r="R10" s="1" t="s">
        <v>30</v>
      </c>
      <c r="S10" s="1" t="s">
        <v>76</v>
      </c>
      <c r="T10" s="1" t="s">
        <v>56</v>
      </c>
      <c r="U10" s="1">
        <v>4.3</v>
      </c>
      <c r="V10" s="1"/>
      <c r="W10" s="1"/>
      <c r="X10" s="1">
        <v>0.16</v>
      </c>
      <c r="Y10" s="1">
        <v>5.0000000000000001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201</v>
      </c>
      <c r="BC10" s="1" t="s">
        <v>211</v>
      </c>
      <c r="BD10" s="1" t="s">
        <v>212</v>
      </c>
      <c r="BE10" s="1"/>
      <c r="BF10" s="1"/>
      <c r="BG10" s="1"/>
      <c r="BH10" s="1"/>
      <c r="BI10" s="1"/>
      <c r="BJ10" s="1"/>
      <c r="BK10" s="1"/>
      <c r="BL10" s="1"/>
      <c r="BM10" s="1" t="s">
        <v>219</v>
      </c>
      <c r="BN10" s="1" t="s">
        <v>215</v>
      </c>
      <c r="BO10" s="1">
        <v>7</v>
      </c>
      <c r="BP10" s="1">
        <v>4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37152777777777773</v>
      </c>
      <c r="C11" s="1" t="s">
        <v>235</v>
      </c>
      <c r="D11" s="1" t="s">
        <v>59</v>
      </c>
      <c r="E11" s="1" t="s">
        <v>60</v>
      </c>
      <c r="J11" s="1" t="s">
        <v>130</v>
      </c>
      <c r="N11" s="1" t="s">
        <v>33</v>
      </c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71</v>
      </c>
      <c r="B12" s="2">
        <v>0.36805555555555558</v>
      </c>
      <c r="C12" s="1" t="s">
        <v>191</v>
      </c>
      <c r="D12" s="1" t="s">
        <v>59</v>
      </c>
      <c r="E12" s="1" t="s">
        <v>192</v>
      </c>
      <c r="F12" s="1" t="s">
        <v>114</v>
      </c>
      <c r="G12" s="1" t="s">
        <v>69</v>
      </c>
      <c r="J12" s="1" t="s">
        <v>30</v>
      </c>
      <c r="K12" s="1" t="s">
        <v>131</v>
      </c>
      <c r="M12" s="1" t="s">
        <v>49</v>
      </c>
      <c r="N12" s="1" t="s">
        <v>33</v>
      </c>
      <c r="O12" s="1" t="s">
        <v>34</v>
      </c>
      <c r="P12" s="1" t="s">
        <v>35</v>
      </c>
      <c r="Q12" s="1" t="s">
        <v>73</v>
      </c>
      <c r="R12" s="1" t="s">
        <v>37</v>
      </c>
      <c r="S12" s="1" t="s">
        <v>52</v>
      </c>
      <c r="T12" s="1" t="s">
        <v>39</v>
      </c>
      <c r="U12" s="1">
        <v>10.3</v>
      </c>
      <c r="V12" s="3">
        <v>13</v>
      </c>
      <c r="W12" s="1"/>
      <c r="X12" s="1">
        <v>0.15</v>
      </c>
      <c r="Y12" s="1">
        <v>3.0000000000000001E-3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201</v>
      </c>
      <c r="BC12" s="1" t="s">
        <v>211</v>
      </c>
      <c r="BD12" s="1" t="s">
        <v>212</v>
      </c>
      <c r="BE12" s="1"/>
      <c r="BF12" s="1"/>
      <c r="BG12" s="1"/>
      <c r="BH12" s="1"/>
      <c r="BI12" s="1"/>
      <c r="BJ12" s="1"/>
      <c r="BK12" s="1"/>
      <c r="BL12" s="1"/>
      <c r="BM12" s="1" t="s">
        <v>219</v>
      </c>
      <c r="BN12" s="1" t="s">
        <v>215</v>
      </c>
      <c r="BO12" s="1">
        <v>7</v>
      </c>
      <c r="BP12" s="1">
        <v>3.8</v>
      </c>
      <c r="BQ12" s="1"/>
      <c r="BR12" s="1"/>
      <c r="BS12" s="1"/>
      <c r="BT12" s="1">
        <v>1</v>
      </c>
      <c r="BU12" s="1"/>
      <c r="BV12" s="1"/>
      <c r="BW12" s="1"/>
      <c r="BX12" s="1"/>
      <c r="BY12" s="1"/>
      <c r="BZ12" s="1"/>
    </row>
    <row r="13" spans="1:78" x14ac:dyDescent="0.15">
      <c r="B13" s="2">
        <v>0.38194444444444442</v>
      </c>
      <c r="C13" s="1" t="s">
        <v>193</v>
      </c>
      <c r="D13" s="1" t="s">
        <v>59</v>
      </c>
      <c r="E13" s="1" t="s">
        <v>192</v>
      </c>
      <c r="G13" s="1" t="s">
        <v>49</v>
      </c>
      <c r="J13" s="1" t="s">
        <v>48</v>
      </c>
      <c r="N13" s="1" t="s">
        <v>33</v>
      </c>
      <c r="P13" s="1" t="s">
        <v>35</v>
      </c>
      <c r="Q13" s="1" t="s">
        <v>73</v>
      </c>
      <c r="R13" s="1" t="s">
        <v>37</v>
      </c>
      <c r="S13" s="1" t="s">
        <v>117</v>
      </c>
      <c r="T13" s="1" t="s">
        <v>39</v>
      </c>
      <c r="U13" s="1">
        <v>10.4</v>
      </c>
      <c r="V13" s="1"/>
      <c r="W13" s="1"/>
      <c r="X13" s="1">
        <v>0.16</v>
      </c>
      <c r="Y13" s="1">
        <v>3.0000000000000001E-3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201</v>
      </c>
      <c r="BC13" s="1" t="s">
        <v>211</v>
      </c>
      <c r="BD13" s="1" t="s">
        <v>212</v>
      </c>
      <c r="BE13" s="1"/>
      <c r="BF13" s="1"/>
      <c r="BG13" s="1"/>
      <c r="BH13" s="1"/>
      <c r="BI13" s="1"/>
      <c r="BJ13" s="1"/>
      <c r="BK13" s="1"/>
      <c r="BL13" s="1"/>
      <c r="BM13" s="1" t="s">
        <v>219</v>
      </c>
      <c r="BN13" s="1" t="s">
        <v>215</v>
      </c>
      <c r="BO13" s="1">
        <v>7</v>
      </c>
      <c r="BP13" s="1">
        <v>3.9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38194444444444442</v>
      </c>
      <c r="C14" s="1" t="s">
        <v>235</v>
      </c>
      <c r="D14" s="1" t="s">
        <v>59</v>
      </c>
      <c r="E14" s="1" t="s">
        <v>192</v>
      </c>
      <c r="J14" s="1" t="s">
        <v>132</v>
      </c>
      <c r="N14" s="1" t="s">
        <v>33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0" spans="21:21" x14ac:dyDescent="0.15">
      <c r="U90" s="1"/>
    </row>
    <row r="91" spans="21:21" x14ac:dyDescent="0.15">
      <c r="U91" s="1"/>
    </row>
    <row r="92" spans="21:21" x14ac:dyDescent="0.15">
      <c r="U92" s="1"/>
    </row>
    <row r="93" spans="21:21" x14ac:dyDescent="0.15">
      <c r="U93" s="1"/>
    </row>
    <row r="94" spans="21:21" x14ac:dyDescent="0.15">
      <c r="U94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5" spans="21:21" x14ac:dyDescent="0.15">
      <c r="U115" s="1"/>
    </row>
    <row r="116" spans="21:21" x14ac:dyDescent="0.15">
      <c r="U116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31" spans="21:21" x14ac:dyDescent="0.15">
      <c r="U131" s="1"/>
    </row>
    <row r="132" spans="21:21" x14ac:dyDescent="0.15">
      <c r="U132" s="1"/>
    </row>
    <row r="133" spans="21:21" x14ac:dyDescent="0.15">
      <c r="U133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湖北中央部</vt:lpstr>
      <vt:lpstr>湖央部（芦ノ湖）</vt:lpstr>
      <vt:lpstr>湖西部（芦ノ湖）</vt:lpstr>
      <vt:lpstr>湖東部(芦ノ湖)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11:10Z</dcterms:created>
  <dcterms:modified xsi:type="dcterms:W3CDTF">2020-03-21T09:22:19Z</dcterms:modified>
</cp:coreProperties>
</file>